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</p:sldMasterIdLst>
  <p:notesMasterIdLst>
    <p:notesMasterId r:id="rId23"/>
  </p:notesMasterIdLst>
  <p:handoutMasterIdLst>
    <p:handoutMasterId r:id="rId24"/>
  </p:handoutMasterIdLst>
  <p:sldIdLst>
    <p:sldId id="2147374218" r:id="rId9"/>
    <p:sldId id="2147374228" r:id="rId10"/>
    <p:sldId id="2147374230" r:id="rId11"/>
    <p:sldId id="2147374224" r:id="rId12"/>
    <p:sldId id="2147374221" r:id="rId13"/>
    <p:sldId id="2147374225" r:id="rId14"/>
    <p:sldId id="2147374226" r:id="rId15"/>
    <p:sldId id="2147374220" r:id="rId16"/>
    <p:sldId id="280" r:id="rId17"/>
    <p:sldId id="289" r:id="rId18"/>
    <p:sldId id="2147374209" r:id="rId19"/>
    <p:sldId id="2147374206" r:id="rId20"/>
    <p:sldId id="2147374207" r:id="rId21"/>
    <p:sldId id="2147374208" r:id="rId22"/>
  </p:sldIdLst>
  <p:sldSz cx="12192000" cy="6858000"/>
  <p:notesSz cx="6858000" cy="9144000"/>
  <p:embeddedFontLst>
    <p:embeddedFont>
      <p:font typeface="Ericsson Hilda" panose="00000500000000000000" pitchFamily="2" charset="0"/>
      <p:regular r:id="rId25"/>
      <p:bold r:id="rId26"/>
      <p:italic r:id="rId27"/>
      <p:boldItalic r:id="rId28"/>
    </p:embeddedFont>
    <p:embeddedFont>
      <p:font typeface="Ericsson Hilda Light" panose="00000400000000000000" pitchFamily="2" charset="0"/>
      <p:regular r:id="rId29"/>
      <p:italic r:id="rId30"/>
    </p:embeddedFont>
    <p:embeddedFont>
      <p:font typeface="Ericsson Technical Icons" panose="00000500000000000000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6D6"/>
    <a:srgbClr val="FFFFFF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CCA808-DD04-4801-BA94-88849201A961}" v="351" dt="2023-05-23T18:11:51.52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2" autoAdjust="0"/>
    <p:restoredTop sz="91638" autoAdjust="0"/>
  </p:normalViewPr>
  <p:slideViewPr>
    <p:cSldViewPr snapToGrid="0" snapToObjects="1" showGuides="1">
      <p:cViewPr varScale="1">
        <p:scale>
          <a:sx n="104" d="100"/>
          <a:sy n="104" d="100"/>
        </p:scale>
        <p:origin x="144" y="3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font" Target="fonts/font2.fntdata"/><Relationship Id="rId39" Type="http://schemas.microsoft.com/office/2016/11/relationships/changesInfo" Target="changesInfos/changesInfo1.xml"/><Relationship Id="rId21" Type="http://schemas.openxmlformats.org/officeDocument/2006/relationships/slide" Target="slides/slide13.xml"/><Relationship Id="rId34" Type="http://schemas.openxmlformats.org/officeDocument/2006/relationships/font" Target="fonts/font10.fntdata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presProps" Target="presProps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orour Falahati" userId="8955ae62-45ff-43c9-8c3d-6aad30f36d67" providerId="ADAL" clId="{3E16DB8C-2D07-4491-A56A-1613FB21F87F}"/>
    <pc:docChg chg="undo redo custSel addSld delSld modSld modMainMaster">
      <pc:chgData name="Sorour Falahati" userId="8955ae62-45ff-43c9-8c3d-6aad30f36d67" providerId="ADAL" clId="{3E16DB8C-2D07-4491-A56A-1613FB21F87F}" dt="2023-02-07T20:14:40.457" v="17836" actId="2166"/>
      <pc:docMkLst>
        <pc:docMk/>
      </pc:docMkLst>
      <pc:sldChg chg="modSp mod">
        <pc:chgData name="Sorour Falahati" userId="8955ae62-45ff-43c9-8c3d-6aad30f36d67" providerId="ADAL" clId="{3E16DB8C-2D07-4491-A56A-1613FB21F87F}" dt="2023-01-20T19:03:10.367" v="14082" actId="20577"/>
        <pc:sldMkLst>
          <pc:docMk/>
          <pc:sldMk cId="1400200050" sldId="278"/>
        </pc:sldMkLst>
        <pc:spChg chg="mod">
          <ac:chgData name="Sorour Falahati" userId="8955ae62-45ff-43c9-8c3d-6aad30f36d67" providerId="ADAL" clId="{3E16DB8C-2D07-4491-A56A-1613FB21F87F}" dt="2023-01-20T19:03:10.367" v="14082" actId="20577"/>
          <ac:spMkLst>
            <pc:docMk/>
            <pc:sldMk cId="1400200050" sldId="278"/>
            <ac:spMk id="2" creationId="{FC0112F8-BA55-493D-9268-3CD81DF9583F}"/>
          </ac:spMkLst>
        </pc:spChg>
        <pc:spChg chg="mod">
          <ac:chgData name="Sorour Falahati" userId="8955ae62-45ff-43c9-8c3d-6aad30f36d67" providerId="ADAL" clId="{3E16DB8C-2D07-4491-A56A-1613FB21F87F}" dt="2023-01-20T18:59:24.240" v="14070" actId="20577"/>
          <ac:spMkLst>
            <pc:docMk/>
            <pc:sldMk cId="1400200050" sldId="278"/>
            <ac:spMk id="3" creationId="{0D450013-5B2B-4E80-9041-11395B16488E}"/>
          </ac:spMkLst>
        </pc:spChg>
      </pc:sldChg>
      <pc:sldChg chg="modSp mod">
        <pc:chgData name="Sorour Falahati" userId="8955ae62-45ff-43c9-8c3d-6aad30f36d67" providerId="ADAL" clId="{3E16DB8C-2D07-4491-A56A-1613FB21F87F}" dt="2023-01-19T19:47:27.818" v="3732" actId="20577"/>
        <pc:sldMkLst>
          <pc:docMk/>
          <pc:sldMk cId="3929369301" sldId="282"/>
        </pc:sldMkLst>
        <pc:spChg chg="mod">
          <ac:chgData name="Sorour Falahati" userId="8955ae62-45ff-43c9-8c3d-6aad30f36d67" providerId="ADAL" clId="{3E16DB8C-2D07-4491-A56A-1613FB21F87F}" dt="2023-01-19T19:47:27.818" v="3732" actId="20577"/>
          <ac:spMkLst>
            <pc:docMk/>
            <pc:sldMk cId="3929369301" sldId="282"/>
            <ac:spMk id="3" creationId="{598143AB-1312-4DC9-B3D0-8C44F5E6BF9D}"/>
          </ac:spMkLst>
        </pc:spChg>
      </pc:sldChg>
      <pc:sldChg chg="addSp delSp modSp mod">
        <pc:chgData name="Sorour Falahati" userId="8955ae62-45ff-43c9-8c3d-6aad30f36d67" providerId="ADAL" clId="{3E16DB8C-2D07-4491-A56A-1613FB21F87F}" dt="2023-01-20T17:04:29.463" v="11720" actId="20577"/>
        <pc:sldMkLst>
          <pc:docMk/>
          <pc:sldMk cId="2249509894" sldId="283"/>
        </pc:sldMkLst>
        <pc:spChg chg="mod">
          <ac:chgData name="Sorour Falahati" userId="8955ae62-45ff-43c9-8c3d-6aad30f36d67" providerId="ADAL" clId="{3E16DB8C-2D07-4491-A56A-1613FB21F87F}" dt="2023-01-20T17:04:29.463" v="11720" actId="20577"/>
          <ac:spMkLst>
            <pc:docMk/>
            <pc:sldMk cId="2249509894" sldId="283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4:52:50.189" v="8151" actId="478"/>
          <ac:spMkLst>
            <pc:docMk/>
            <pc:sldMk cId="2249509894" sldId="283"/>
            <ac:spMk id="4" creationId="{8C173169-F2AE-434A-B472-188736CBC292}"/>
          </ac:spMkLst>
        </pc:spChg>
        <pc:spChg chg="add del mod">
          <ac:chgData name="Sorour Falahati" userId="8955ae62-45ff-43c9-8c3d-6aad30f36d67" providerId="ADAL" clId="{3E16DB8C-2D07-4491-A56A-1613FB21F87F}" dt="2023-01-20T14:52:49.303" v="8150" actId="478"/>
          <ac:spMkLst>
            <pc:docMk/>
            <pc:sldMk cId="2249509894" sldId="283"/>
            <ac:spMk id="5" creationId="{3C262210-12F3-4464-AC49-7616AFDD8563}"/>
          </ac:spMkLst>
        </pc:spChg>
        <pc:spChg chg="add del mod">
          <ac:chgData name="Sorour Falahati" userId="8955ae62-45ff-43c9-8c3d-6aad30f36d67" providerId="ADAL" clId="{3E16DB8C-2D07-4491-A56A-1613FB21F87F}" dt="2023-01-20T14:52:48.605" v="8149" actId="478"/>
          <ac:spMkLst>
            <pc:docMk/>
            <pc:sldMk cId="2249509894" sldId="283"/>
            <ac:spMk id="6" creationId="{A931BD79-A191-4BC8-8141-25DFFFA280E0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19T19:44:07.121" v="3716" actId="2696"/>
        <pc:sldMkLst>
          <pc:docMk/>
          <pc:sldMk cId="381489898" sldId="284"/>
        </pc:sldMkLst>
        <pc:spChg chg="mod">
          <ac:chgData name="Sorour Falahati" userId="8955ae62-45ff-43c9-8c3d-6aad30f36d67" providerId="ADAL" clId="{3E16DB8C-2D07-4491-A56A-1613FB21F87F}" dt="2023-01-19T19:12:59.046" v="2839" actId="21"/>
          <ac:spMkLst>
            <pc:docMk/>
            <pc:sldMk cId="381489898" sldId="284"/>
            <ac:spMk id="3" creationId="{598143AB-1312-4DC9-B3D0-8C44F5E6BF9D}"/>
          </ac:spMkLst>
        </pc:spChg>
        <pc:spChg chg="add del">
          <ac:chgData name="Sorour Falahati" userId="8955ae62-45ff-43c9-8c3d-6aad30f36d67" providerId="ADAL" clId="{3E16DB8C-2D07-4491-A56A-1613FB21F87F}" dt="2023-01-19T18:38:46.675" v="2099" actId="22"/>
          <ac:spMkLst>
            <pc:docMk/>
            <pc:sldMk cId="381489898" sldId="284"/>
            <ac:spMk id="6" creationId="{33DD50D2-7C6C-4A88-B098-711EB40C8C38}"/>
          </ac:spMkLst>
        </pc:spChg>
        <pc:graphicFrameChg chg="add del mod modGraphic">
          <ac:chgData name="Sorour Falahati" userId="8955ae62-45ff-43c9-8c3d-6aad30f36d67" providerId="ADAL" clId="{3E16DB8C-2D07-4491-A56A-1613FB21F87F}" dt="2023-01-19T18:38:00.878" v="2056" actId="478"/>
          <ac:graphicFrameMkLst>
            <pc:docMk/>
            <pc:sldMk cId="381489898" sldId="284"/>
            <ac:graphicFrameMk id="4" creationId="{FD24A5DC-81E8-4053-B2A9-565EFB483852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19T18:44:08.720" v="2258" actId="478"/>
          <ac:graphicFrameMkLst>
            <pc:docMk/>
            <pc:sldMk cId="381489898" sldId="284"/>
            <ac:graphicFrameMk id="7" creationId="{04C8CC14-3BD0-4763-8745-15957F18BE7F}"/>
          </ac:graphicFrameMkLst>
        </pc:graphicFrameChg>
      </pc:sldChg>
      <pc:sldChg chg="addSp modSp add mod">
        <pc:chgData name="Sorour Falahati" userId="8955ae62-45ff-43c9-8c3d-6aad30f36d67" providerId="ADAL" clId="{3E16DB8C-2D07-4491-A56A-1613FB21F87F}" dt="2023-01-20T18:54:40.597" v="13989"/>
        <pc:sldMkLst>
          <pc:docMk/>
          <pc:sldMk cId="2947718824" sldId="285"/>
        </pc:sldMkLst>
        <pc:spChg chg="mod">
          <ac:chgData name="Sorour Falahati" userId="8955ae62-45ff-43c9-8c3d-6aad30f36d67" providerId="ADAL" clId="{3E16DB8C-2D07-4491-A56A-1613FB21F87F}" dt="2023-01-20T18:03:00.787" v="13050" actId="20577"/>
          <ac:spMkLst>
            <pc:docMk/>
            <pc:sldMk cId="2947718824" sldId="285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4:40.597" v="13989"/>
          <ac:spMkLst>
            <pc:docMk/>
            <pc:sldMk cId="2947718824" sldId="285"/>
            <ac:spMk id="4" creationId="{559B547D-61C6-447E-B39A-70B9A9409829}"/>
          </ac:spMkLst>
        </pc:spChg>
      </pc:sldChg>
      <pc:sldChg chg="modSp add del mod">
        <pc:chgData name="Sorour Falahati" userId="8955ae62-45ff-43c9-8c3d-6aad30f36d67" providerId="ADAL" clId="{3E16DB8C-2D07-4491-A56A-1613FB21F87F}" dt="2023-01-20T08:23:58.291" v="5044" actId="2696"/>
        <pc:sldMkLst>
          <pc:docMk/>
          <pc:sldMk cId="1089382052" sldId="286"/>
        </pc:sldMkLst>
        <pc:spChg chg="mod">
          <ac:chgData name="Sorour Falahati" userId="8955ae62-45ff-43c9-8c3d-6aad30f36d67" providerId="ADAL" clId="{3E16DB8C-2D07-4491-A56A-1613FB21F87F}" dt="2023-01-19T19:51:04.029" v="3813" actId="13926"/>
          <ac:spMkLst>
            <pc:docMk/>
            <pc:sldMk cId="1089382052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8:42:07.035" v="13891" actId="13926"/>
        <pc:sldMkLst>
          <pc:docMk/>
          <pc:sldMk cId="4123490994" sldId="286"/>
        </pc:sldMkLst>
        <pc:spChg chg="mod">
          <ac:chgData name="Sorour Falahati" userId="8955ae62-45ff-43c9-8c3d-6aad30f36d67" providerId="ADAL" clId="{3E16DB8C-2D07-4491-A56A-1613FB21F87F}" dt="2023-01-20T18:42:07.035" v="13891" actId="13926"/>
          <ac:spMkLst>
            <pc:docMk/>
            <pc:sldMk cId="4123490994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2-07T20:14:40.457" v="17836" actId="2166"/>
        <pc:sldMkLst>
          <pc:docMk/>
          <pc:sldMk cId="973748654" sldId="287"/>
        </pc:sldMkLst>
        <pc:graphicFrameChg chg="modGraphic">
          <ac:chgData name="Sorour Falahati" userId="8955ae62-45ff-43c9-8c3d-6aad30f36d67" providerId="ADAL" clId="{3E16DB8C-2D07-4491-A56A-1613FB21F87F}" dt="2023-02-07T20:14:40.457" v="17836" actId="2166"/>
          <ac:graphicFrameMkLst>
            <pc:docMk/>
            <pc:sldMk cId="973748654" sldId="287"/>
            <ac:graphicFrameMk id="4" creationId="{D8219002-14CF-4D3E-803C-95CCB39829D5}"/>
          </ac:graphicFrameMkLst>
        </pc:graphicFrameChg>
      </pc:sldChg>
      <pc:sldChg chg="addSp delSp modSp new del mod modClrScheme chgLayout">
        <pc:chgData name="Sorour Falahati" userId="8955ae62-45ff-43c9-8c3d-6aad30f36d67" providerId="ADAL" clId="{3E16DB8C-2D07-4491-A56A-1613FB21F87F}" dt="2023-01-19T18:26:00.565" v="1622" actId="2696"/>
        <pc:sldMkLst>
          <pc:docMk/>
          <pc:sldMk cId="3388727195" sldId="287"/>
        </pc:sldMkLst>
        <pc:spChg chg="del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2" creationId="{9877F93E-8599-4E6D-8E12-413C1E5494A3}"/>
          </ac:spMkLst>
        </pc:spChg>
        <pc:spChg chg="del">
          <ac:chgData name="Sorour Falahati" userId="8955ae62-45ff-43c9-8c3d-6aad30f36d67" providerId="ADAL" clId="{3E16DB8C-2D07-4491-A56A-1613FB21F87F}" dt="2023-01-19T16:36:42.946" v="1592"/>
          <ac:spMkLst>
            <pc:docMk/>
            <pc:sldMk cId="3388727195" sldId="287"/>
            <ac:spMk id="3" creationId="{1B805A5D-D365-4F7E-A08D-2991DB6A9BCE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9" creationId="{BE2E3C80-2BDF-4D02-B7C2-7D60C2103AB6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11" creationId="{AD9BD8A8-B89F-006F-ECFF-0869C7170747}"/>
          </ac:spMkLst>
        </pc:spChg>
        <pc:graphicFrameChg chg="add mod modGraphic">
          <ac:chgData name="Sorour Falahati" userId="8955ae62-45ff-43c9-8c3d-6aad30f36d67" providerId="ADAL" clId="{3E16DB8C-2D07-4491-A56A-1613FB21F87F}" dt="2023-01-19T17:40:01.128" v="1621" actId="798"/>
          <ac:graphicFrameMkLst>
            <pc:docMk/>
            <pc:sldMk cId="3388727195" sldId="287"/>
            <ac:graphicFrameMk id="4" creationId="{D8219002-14CF-4D3E-803C-95CCB39829D5}"/>
          </ac:graphicFrameMkLst>
        </pc:graphicFrameChg>
      </pc:sldChg>
      <pc:sldChg chg="delSp modSp add del mod">
        <pc:chgData name="Sorour Falahati" userId="8955ae62-45ff-43c9-8c3d-6aad30f36d67" providerId="ADAL" clId="{3E16DB8C-2D07-4491-A56A-1613FB21F87F}" dt="2023-01-19T19:13:34.555" v="2847" actId="47"/>
        <pc:sldMkLst>
          <pc:docMk/>
          <pc:sldMk cId="3106697233" sldId="288"/>
        </pc:sldMkLst>
        <pc:spChg chg="mod">
          <ac:chgData name="Sorour Falahati" userId="8955ae62-45ff-43c9-8c3d-6aad30f36d67" providerId="ADAL" clId="{3E16DB8C-2D07-4491-A56A-1613FB21F87F}" dt="2023-01-19T19:13:16.037" v="2844" actId="21"/>
          <ac:spMkLst>
            <pc:docMk/>
            <pc:sldMk cId="3106697233" sldId="288"/>
            <ac:spMk id="3" creationId="{598143AB-1312-4DC9-B3D0-8C44F5E6BF9D}"/>
          </ac:spMkLst>
        </pc:spChg>
        <pc:graphicFrameChg chg="del modGraphic">
          <ac:chgData name="Sorour Falahati" userId="8955ae62-45ff-43c9-8c3d-6aad30f36d67" providerId="ADAL" clId="{3E16DB8C-2D07-4491-A56A-1613FB21F87F}" dt="2023-01-19T18:41:04.127" v="2201" actId="478"/>
          <ac:graphicFrameMkLst>
            <pc:docMk/>
            <pc:sldMk cId="3106697233" sldId="288"/>
            <ac:graphicFrameMk id="4" creationId="{FD24A5DC-81E8-4053-B2A9-565EFB483852}"/>
          </ac:graphicFrameMkLst>
        </pc:graphicFrame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6442681" sldId="289"/>
        </pc:sldMkLst>
      </pc:sldChg>
      <pc:sldChg chg="addSp delSp modSp add mod">
        <pc:chgData name="Sorour Falahati" userId="8955ae62-45ff-43c9-8c3d-6aad30f36d67" providerId="ADAL" clId="{3E16DB8C-2D07-4491-A56A-1613FB21F87F}" dt="2023-01-25T10:32:06.610" v="15797" actId="5793"/>
        <pc:sldMkLst>
          <pc:docMk/>
          <pc:sldMk cId="1253234961" sldId="289"/>
        </pc:sldMkLst>
        <pc:spChg chg="mod">
          <ac:chgData name="Sorour Falahati" userId="8955ae62-45ff-43c9-8c3d-6aad30f36d67" providerId="ADAL" clId="{3E16DB8C-2D07-4491-A56A-1613FB21F87F}" dt="2023-01-25T10:32:06.610" v="15797" actId="5793"/>
          <ac:spMkLst>
            <pc:docMk/>
            <pc:sldMk cId="1253234961" sldId="289"/>
            <ac:spMk id="3" creationId="{D16FFC11-9C62-4A19-AD65-D832C8337BAC}"/>
          </ac:spMkLst>
        </pc:spChg>
        <pc:graphicFrameChg chg="add del mod modGraphic">
          <ac:chgData name="Sorour Falahati" userId="8955ae62-45ff-43c9-8c3d-6aad30f36d67" providerId="ADAL" clId="{3E16DB8C-2D07-4491-A56A-1613FB21F87F}" dt="2023-01-25T10:31:58.730" v="15795" actId="478"/>
          <ac:graphicFrameMkLst>
            <pc:docMk/>
            <pc:sldMk cId="1253234961" sldId="289"/>
            <ac:graphicFrameMk id="4" creationId="{38F99682-4D0C-479F-8FB2-9930565EDFB3}"/>
          </ac:graphicFrameMkLst>
        </pc:graphicFrameChg>
      </pc:sldChg>
      <pc:sldChg chg="modSp new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3056898379" sldId="289"/>
        </pc:sldMkLst>
        <pc:spChg chg="mod">
          <ac:chgData name="Sorour Falahati" userId="8955ae62-45ff-43c9-8c3d-6aad30f36d67" providerId="ADAL" clId="{3E16DB8C-2D07-4491-A56A-1613FB21F87F}" dt="2023-01-19T19:11:48.898" v="2837"/>
          <ac:spMkLst>
            <pc:docMk/>
            <pc:sldMk cId="3056898379" sldId="289"/>
            <ac:spMk id="2" creationId="{17AFE94F-1A6B-4079-908B-4E372BB89277}"/>
          </ac:spMkLst>
        </pc:spChg>
        <pc:spChg chg="mod">
          <ac:chgData name="Sorour Falahati" userId="8955ae62-45ff-43c9-8c3d-6aad30f36d67" providerId="ADAL" clId="{3E16DB8C-2D07-4491-A56A-1613FB21F87F}" dt="2023-01-19T18:43:58.518" v="2257" actId="27636"/>
          <ac:spMkLst>
            <pc:docMk/>
            <pc:sldMk cId="3056898379" sldId="289"/>
            <ac:spMk id="3" creationId="{D16FFC11-9C62-4A19-AD65-D832C8337BAC}"/>
          </ac:spMkLst>
        </pc:spChg>
      </pc:sldChg>
      <pc:sldChg chg="modSp add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2455952176" sldId="290"/>
        </pc:sldMkLst>
        <pc:spChg chg="mod">
          <ac:chgData name="Sorour Falahati" userId="8955ae62-45ff-43c9-8c3d-6aad30f36d67" providerId="ADAL" clId="{3E16DB8C-2D07-4491-A56A-1613FB21F87F}" dt="2023-01-19T19:05:24.430" v="2619" actId="12"/>
          <ac:spMkLst>
            <pc:docMk/>
            <pc:sldMk cId="2455952176" sldId="290"/>
            <ac:spMk id="3" creationId="{598143AB-1312-4DC9-B3D0-8C44F5E6BF9D}"/>
          </ac:spMkLst>
        </pc:sp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13467465" sldId="290"/>
        </pc:sldMkLst>
      </pc:sldChg>
      <pc:sldChg chg="add">
        <pc:chgData name="Sorour Falahati" userId="8955ae62-45ff-43c9-8c3d-6aad30f36d67" providerId="ADAL" clId="{3E16DB8C-2D07-4491-A56A-1613FB21F87F}" dt="2023-01-20T08:24:08.471" v="5045"/>
        <pc:sldMkLst>
          <pc:docMk/>
          <pc:sldMk cId="3697156445" sldId="290"/>
        </pc:sldMkLst>
      </pc:sldChg>
      <pc:sldChg chg="modSp new mod">
        <pc:chgData name="Sorour Falahati" userId="8955ae62-45ff-43c9-8c3d-6aad30f36d67" providerId="ADAL" clId="{3E16DB8C-2D07-4491-A56A-1613FB21F87F}" dt="2023-01-20T08:05:08.119" v="4317" actId="5793"/>
        <pc:sldMkLst>
          <pc:docMk/>
          <pc:sldMk cId="2912381442" sldId="291"/>
        </pc:sldMkLst>
        <pc:spChg chg="mod">
          <ac:chgData name="Sorour Falahati" userId="8955ae62-45ff-43c9-8c3d-6aad30f36d67" providerId="ADAL" clId="{3E16DB8C-2D07-4491-A56A-1613FB21F87F}" dt="2023-01-19T19:13:29.228" v="2846"/>
          <ac:spMkLst>
            <pc:docMk/>
            <pc:sldMk cId="2912381442" sldId="291"/>
            <ac:spMk id="2" creationId="{5E5CB82A-D37C-40D0-A77F-0B59AAA48D10}"/>
          </ac:spMkLst>
        </pc:spChg>
        <pc:spChg chg="mod">
          <ac:chgData name="Sorour Falahati" userId="8955ae62-45ff-43c9-8c3d-6aad30f36d67" providerId="ADAL" clId="{3E16DB8C-2D07-4491-A56A-1613FB21F87F}" dt="2023-01-20T08:03:58.225" v="4224" actId="20577"/>
          <ac:spMkLst>
            <pc:docMk/>
            <pc:sldMk cId="2912381442" sldId="291"/>
            <ac:spMk id="3" creationId="{8DBF11F3-3B0F-4A7C-9773-59445D9A9067}"/>
          </ac:spMkLst>
        </pc:spChg>
        <pc:spChg chg="mod">
          <ac:chgData name="Sorour Falahati" userId="8955ae62-45ff-43c9-8c3d-6aad30f36d67" providerId="ADAL" clId="{3E16DB8C-2D07-4491-A56A-1613FB21F87F}" dt="2023-01-20T08:05:08.119" v="4317" actId="5793"/>
          <ac:spMkLst>
            <pc:docMk/>
            <pc:sldMk cId="2912381442" sldId="291"/>
            <ac:spMk id="4" creationId="{997390C4-9C0B-4712-A5B5-1014AAE19088}"/>
          </ac:spMkLst>
        </pc:spChg>
      </pc:sldChg>
      <pc:sldChg chg="addSp delSp modSp new del mod">
        <pc:chgData name="Sorour Falahati" userId="8955ae62-45ff-43c9-8c3d-6aad30f36d67" providerId="ADAL" clId="{3E16DB8C-2D07-4491-A56A-1613FB21F87F}" dt="2023-01-20T18:41:00.984" v="13872" actId="2696"/>
        <pc:sldMkLst>
          <pc:docMk/>
          <pc:sldMk cId="1079076888" sldId="292"/>
        </pc:sldMkLst>
        <pc:spChg chg="mod">
          <ac:chgData name="Sorour Falahati" userId="8955ae62-45ff-43c9-8c3d-6aad30f36d67" providerId="ADAL" clId="{3E16DB8C-2D07-4491-A56A-1613FB21F87F}" dt="2023-01-20T09:58:45.933" v="7420" actId="20577"/>
          <ac:spMkLst>
            <pc:docMk/>
            <pc:sldMk cId="1079076888" sldId="292"/>
            <ac:spMk id="2" creationId="{885B7D52-A96E-490C-8251-16C1434ACBFF}"/>
          </ac:spMkLst>
        </pc:spChg>
        <pc:spChg chg="del mod">
          <ac:chgData name="Sorour Falahati" userId="8955ae62-45ff-43c9-8c3d-6aad30f36d67" providerId="ADAL" clId="{3E16DB8C-2D07-4491-A56A-1613FB21F87F}" dt="2023-01-19T19:56:11.447" v="4022" actId="22"/>
          <ac:spMkLst>
            <pc:docMk/>
            <pc:sldMk cId="1079076888" sldId="292"/>
            <ac:spMk id="3" creationId="{A2610B7C-116D-4DE4-AE0B-5C67D91E92E4}"/>
          </ac:spMkLst>
        </pc:spChg>
        <pc:spChg chg="add mod">
          <ac:chgData name="Sorour Falahati" userId="8955ae62-45ff-43c9-8c3d-6aad30f36d67" providerId="ADAL" clId="{3E16DB8C-2D07-4491-A56A-1613FB21F87F}" dt="2023-01-20T10:00:40.339" v="7646" actId="20577"/>
          <ac:spMkLst>
            <pc:docMk/>
            <pc:sldMk cId="1079076888" sldId="292"/>
            <ac:spMk id="8" creationId="{56603D9D-8637-4644-8ED5-C9B9BFEFCE39}"/>
          </ac:spMkLst>
        </pc:spChg>
        <pc:graphicFrameChg chg="add del mod">
          <ac:chgData name="Sorour Falahati" userId="8955ae62-45ff-43c9-8c3d-6aad30f36d67" providerId="ADAL" clId="{3E16DB8C-2D07-4491-A56A-1613FB21F87F}" dt="2023-01-19T19:58:22.568" v="4026" actId="478"/>
          <ac:graphicFrameMkLst>
            <pc:docMk/>
            <pc:sldMk cId="1079076888" sldId="292"/>
            <ac:graphicFrameMk id="6" creationId="{205765DD-96FF-41E7-B7E1-F653AEB48E80}"/>
          </ac:graphicFrameMkLst>
        </pc:graphicFrameChg>
        <pc:picChg chg="add del mod ord">
          <ac:chgData name="Sorour Falahati" userId="8955ae62-45ff-43c9-8c3d-6aad30f36d67" providerId="ADAL" clId="{3E16DB8C-2D07-4491-A56A-1613FB21F87F}" dt="2023-01-20T09:18:56.471" v="6793" actId="478"/>
          <ac:picMkLst>
            <pc:docMk/>
            <pc:sldMk cId="1079076888" sldId="292"/>
            <ac:picMk id="5" creationId="{A5F060F4-280E-4B73-B9B7-3D7018D53946}"/>
          </ac:picMkLst>
        </pc:picChg>
      </pc:sldChg>
      <pc:sldChg chg="modSp new mod">
        <pc:chgData name="Sorour Falahati" userId="8955ae62-45ff-43c9-8c3d-6aad30f36d67" providerId="ADAL" clId="{3E16DB8C-2D07-4491-A56A-1613FB21F87F}" dt="2023-01-20T18:57:51.798" v="14054" actId="20577"/>
        <pc:sldMkLst>
          <pc:docMk/>
          <pc:sldMk cId="3432142006" sldId="293"/>
        </pc:sldMkLst>
        <pc:spChg chg="mod">
          <ac:chgData name="Sorour Falahati" userId="8955ae62-45ff-43c9-8c3d-6aad30f36d67" providerId="ADAL" clId="{3E16DB8C-2D07-4491-A56A-1613FB21F87F}" dt="2023-01-20T08:06:25.492" v="4319"/>
          <ac:spMkLst>
            <pc:docMk/>
            <pc:sldMk cId="3432142006" sldId="293"/>
            <ac:spMk id="2" creationId="{A3B07A67-1E1F-4098-838D-0D912A1C2AC3}"/>
          </ac:spMkLst>
        </pc:spChg>
        <pc:spChg chg="mod">
          <ac:chgData name="Sorour Falahati" userId="8955ae62-45ff-43c9-8c3d-6aad30f36d67" providerId="ADAL" clId="{3E16DB8C-2D07-4491-A56A-1613FB21F87F}" dt="2023-01-20T18:57:51.798" v="14054" actId="20577"/>
          <ac:spMkLst>
            <pc:docMk/>
            <pc:sldMk cId="3432142006" sldId="293"/>
            <ac:spMk id="3" creationId="{5A9D463F-2D8A-4E74-AE61-13C005696A9F}"/>
          </ac:spMkLst>
        </pc:spChg>
      </pc:sldChg>
      <pc:sldChg chg="addSp modSp new mod">
        <pc:chgData name="Sorour Falahati" userId="8955ae62-45ff-43c9-8c3d-6aad30f36d67" providerId="ADAL" clId="{3E16DB8C-2D07-4491-A56A-1613FB21F87F}" dt="2023-01-20T08:41:37.070" v="5666" actId="1076"/>
        <pc:sldMkLst>
          <pc:docMk/>
          <pc:sldMk cId="3670941710" sldId="294"/>
        </pc:sldMkLst>
        <pc:picChg chg="add mod">
          <ac:chgData name="Sorour Falahati" userId="8955ae62-45ff-43c9-8c3d-6aad30f36d67" providerId="ADAL" clId="{3E16DB8C-2D07-4491-A56A-1613FB21F87F}" dt="2023-01-20T08:41:37.070" v="5666" actId="1076"/>
          <ac:picMkLst>
            <pc:docMk/>
            <pc:sldMk cId="3670941710" sldId="294"/>
            <ac:picMk id="5" creationId="{32C50126-A78D-4B53-913B-FFCCE0776D3F}"/>
          </ac:picMkLst>
        </pc:picChg>
      </pc:sldChg>
      <pc:sldChg chg="addSp delSp modSp new del mod">
        <pc:chgData name="Sorour Falahati" userId="8955ae62-45ff-43c9-8c3d-6aad30f36d67" providerId="ADAL" clId="{3E16DB8C-2D07-4491-A56A-1613FB21F87F}" dt="2023-01-20T09:55:36.629" v="7328" actId="2696"/>
        <pc:sldMkLst>
          <pc:docMk/>
          <pc:sldMk cId="1839183619" sldId="295"/>
        </pc:sldMkLst>
        <pc:spChg chg="mod">
          <ac:chgData name="Sorour Falahati" userId="8955ae62-45ff-43c9-8c3d-6aad30f36d67" providerId="ADAL" clId="{3E16DB8C-2D07-4491-A56A-1613FB21F87F}" dt="2023-01-20T09:47:43.304" v="7069" actId="20577"/>
          <ac:spMkLst>
            <pc:docMk/>
            <pc:sldMk cId="1839183619" sldId="295"/>
            <ac:spMk id="3" creationId="{FC35FE02-4725-4114-8D04-9F6356320405}"/>
          </ac:spMkLst>
        </pc:spChg>
        <pc:spChg chg="add del">
          <ac:chgData name="Sorour Falahati" userId="8955ae62-45ff-43c9-8c3d-6aad30f36d67" providerId="ADAL" clId="{3E16DB8C-2D07-4491-A56A-1613FB21F87F}" dt="2023-01-20T09:16:03.338" v="6776" actId="22"/>
          <ac:spMkLst>
            <pc:docMk/>
            <pc:sldMk cId="1839183619" sldId="295"/>
            <ac:spMk id="5" creationId="{B3CD8981-B3F1-4089-B117-EF7603135014}"/>
          </ac:spMkLst>
        </pc:spChg>
        <pc:picChg chg="add mod">
          <ac:chgData name="Sorour Falahati" userId="8955ae62-45ff-43c9-8c3d-6aad30f36d67" providerId="ADAL" clId="{3E16DB8C-2D07-4491-A56A-1613FB21F87F}" dt="2023-01-20T09:44:07.235" v="6988" actId="1076"/>
          <ac:picMkLst>
            <pc:docMk/>
            <pc:sldMk cId="1839183619" sldId="295"/>
            <ac:picMk id="7" creationId="{BD588D43-EF39-4820-ACBE-710415EBAEE8}"/>
          </ac:picMkLst>
        </pc:picChg>
      </pc:sldChg>
      <pc:sldChg chg="add">
        <pc:chgData name="Sorour Falahati" userId="8955ae62-45ff-43c9-8c3d-6aad30f36d67" providerId="ADAL" clId="{3E16DB8C-2D07-4491-A56A-1613FB21F87F}" dt="2023-01-20T09:55:40.044" v="7329"/>
        <pc:sldMkLst>
          <pc:docMk/>
          <pc:sldMk cId="1876184921" sldId="295"/>
        </pc:sldMkLst>
      </pc:sldChg>
      <pc:sldChg chg="add">
        <pc:chgData name="Sorour Falahati" userId="8955ae62-45ff-43c9-8c3d-6aad30f36d67" providerId="ADAL" clId="{3E16DB8C-2D07-4491-A56A-1613FB21F87F}" dt="2023-01-20T18:44:22.873" v="13908"/>
        <pc:sldMkLst>
          <pc:docMk/>
          <pc:sldMk cId="2023949454" sldId="296"/>
        </pc:sldMkLst>
      </pc:sldChg>
      <pc:sldChg chg="addSp delSp modSp add del mod">
        <pc:chgData name="Sorour Falahati" userId="8955ae62-45ff-43c9-8c3d-6aad30f36d67" providerId="ADAL" clId="{3E16DB8C-2D07-4491-A56A-1613FB21F87F}" dt="2023-01-20T18:44:18.869" v="13907" actId="2696"/>
        <pc:sldMkLst>
          <pc:docMk/>
          <pc:sldMk cId="3548749908" sldId="296"/>
        </pc:sldMkLst>
        <pc:spChg chg="del">
          <ac:chgData name="Sorour Falahati" userId="8955ae62-45ff-43c9-8c3d-6aad30f36d67" providerId="ADAL" clId="{3E16DB8C-2D07-4491-A56A-1613FB21F87F}" dt="2023-01-20T09:02:08.028" v="5746" actId="22"/>
          <ac:spMkLst>
            <pc:docMk/>
            <pc:sldMk cId="3548749908" sldId="296"/>
            <ac:spMk id="3" creationId="{FC35FE02-4725-4114-8D04-9F6356320405}"/>
          </ac:spMkLst>
        </pc:spChg>
        <pc:spChg chg="add mod">
          <ac:chgData name="Sorour Falahati" userId="8955ae62-45ff-43c9-8c3d-6aad30f36d67" providerId="ADAL" clId="{3E16DB8C-2D07-4491-A56A-1613FB21F87F}" dt="2023-01-20T09:03:50.603" v="5766" actId="404"/>
          <ac:spMkLst>
            <pc:docMk/>
            <pc:sldMk cId="3548749908" sldId="296"/>
            <ac:spMk id="11" creationId="{3D2A2E17-A1BD-4DF4-801B-0871339C621E}"/>
          </ac:spMkLst>
        </pc:spChg>
        <pc:picChg chg="add del mod">
          <ac:chgData name="Sorour Falahati" userId="8955ae62-45ff-43c9-8c3d-6aad30f36d67" providerId="ADAL" clId="{3E16DB8C-2D07-4491-A56A-1613FB21F87F}" dt="2023-01-20T09:02:54.175" v="5752" actId="478"/>
          <ac:picMkLst>
            <pc:docMk/>
            <pc:sldMk cId="3548749908" sldId="296"/>
            <ac:picMk id="5" creationId="{2882CD7C-7306-4659-87FC-4E70CCB4A883}"/>
          </ac:picMkLst>
        </pc:picChg>
        <pc:picChg chg="add mod ord">
          <ac:chgData name="Sorour Falahati" userId="8955ae62-45ff-43c9-8c3d-6aad30f36d67" providerId="ADAL" clId="{3E16DB8C-2D07-4491-A56A-1613FB21F87F}" dt="2023-01-20T09:04:05.695" v="5774" actId="1036"/>
          <ac:picMkLst>
            <pc:docMk/>
            <pc:sldMk cId="3548749908" sldId="296"/>
            <ac:picMk id="7" creationId="{53C789D4-A0BB-46C6-BDE8-35349DB6BAAA}"/>
          </ac:picMkLst>
        </pc:picChg>
        <pc:picChg chg="add mod">
          <ac:chgData name="Sorour Falahati" userId="8955ae62-45ff-43c9-8c3d-6aad30f36d67" providerId="ADAL" clId="{3E16DB8C-2D07-4491-A56A-1613FB21F87F}" dt="2023-01-20T09:04:07.443" v="5781" actId="1036"/>
          <ac:picMkLst>
            <pc:docMk/>
            <pc:sldMk cId="3548749908" sldId="296"/>
            <ac:picMk id="9" creationId="{3FFF5E85-E787-4F15-AAA3-3F3F01B32B9C}"/>
          </ac:picMkLst>
        </pc:picChg>
      </pc:sldChg>
      <pc:sldChg chg="addSp delSp modSp add mod">
        <pc:chgData name="Sorour Falahati" userId="8955ae62-45ff-43c9-8c3d-6aad30f36d67" providerId="ADAL" clId="{3E16DB8C-2D07-4491-A56A-1613FB21F87F}" dt="2023-01-20T18:50:48.923" v="13910" actId="20577"/>
        <pc:sldMkLst>
          <pc:docMk/>
          <pc:sldMk cId="3586926967" sldId="297"/>
        </pc:sldMkLst>
        <pc:spChg chg="mod">
          <ac:chgData name="Sorour Falahati" userId="8955ae62-45ff-43c9-8c3d-6aad30f36d67" providerId="ADAL" clId="{3E16DB8C-2D07-4491-A56A-1613FB21F87F}" dt="2023-01-20T18:50:48.923" v="13910" actId="20577"/>
          <ac:spMkLst>
            <pc:docMk/>
            <pc:sldMk cId="3586926967" sldId="297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26:30.044" v="13192" actId="404"/>
          <ac:spMkLst>
            <pc:docMk/>
            <pc:sldMk cId="3586926967" sldId="297"/>
            <ac:spMk id="6" creationId="{AFA9B4F5-FAF1-463A-827E-5499F3EEF3B5}"/>
          </ac:spMkLst>
        </pc:spChg>
        <pc:spChg chg="add mod">
          <ac:chgData name="Sorour Falahati" userId="8955ae62-45ff-43c9-8c3d-6aad30f36d67" providerId="ADAL" clId="{3E16DB8C-2D07-4491-A56A-1613FB21F87F}" dt="2023-01-20T18:26:26.282" v="13191" actId="404"/>
          <ac:spMkLst>
            <pc:docMk/>
            <pc:sldMk cId="3586926967" sldId="297"/>
            <ac:spMk id="7" creationId="{7384DE59-9C3C-4061-99E9-2CF394746604}"/>
          </ac:spMkLst>
        </pc:spChg>
        <pc:spChg chg="add mod">
          <ac:chgData name="Sorour Falahati" userId="8955ae62-45ff-43c9-8c3d-6aad30f36d67" providerId="ADAL" clId="{3E16DB8C-2D07-4491-A56A-1613FB21F87F}" dt="2023-01-20T18:32:42.321" v="13508" actId="1038"/>
          <ac:spMkLst>
            <pc:docMk/>
            <pc:sldMk cId="3586926967" sldId="297"/>
            <ac:spMk id="8" creationId="{B2FFB467-14DE-4345-ADA7-F5E95DC8E7D3}"/>
          </ac:spMkLst>
        </pc:spChg>
        <pc:spChg chg="add mod">
          <ac:chgData name="Sorour Falahati" userId="8955ae62-45ff-43c9-8c3d-6aad30f36d67" providerId="ADAL" clId="{3E16DB8C-2D07-4491-A56A-1613FB21F87F}" dt="2023-01-20T18:25:42.116" v="13173" actId="164"/>
          <ac:spMkLst>
            <pc:docMk/>
            <pc:sldMk cId="3586926967" sldId="297"/>
            <ac:spMk id="14" creationId="{197BF8B3-2850-4D72-B50E-7CBE21ED7D70}"/>
          </ac:spMkLst>
        </pc:spChg>
        <pc:spChg chg="add mod">
          <ac:chgData name="Sorour Falahati" userId="8955ae62-45ff-43c9-8c3d-6aad30f36d67" providerId="ADAL" clId="{3E16DB8C-2D07-4491-A56A-1613FB21F87F}" dt="2023-01-20T18:27:10.145" v="13295" actId="1035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3E16DB8C-2D07-4491-A56A-1613FB21F87F}" dt="2023-01-20T18:27:53.100" v="13332" actId="1038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22" creationId="{33B4F81A-524D-474C-ACD9-7EC4EC982CBB}"/>
          </ac:spMkLst>
        </pc:spChg>
        <pc:spChg chg="add mod">
          <ac:chgData name="Sorour Falahati" userId="8955ae62-45ff-43c9-8c3d-6aad30f36d67" providerId="ADAL" clId="{3E16DB8C-2D07-4491-A56A-1613FB21F87F}" dt="2023-01-20T18:27:42.370" v="13306" actId="14100"/>
          <ac:spMkLst>
            <pc:docMk/>
            <pc:sldMk cId="3586926967" sldId="297"/>
            <ac:spMk id="23" creationId="{82B51B65-DB86-49A2-8DE1-BEA81B087365}"/>
          </ac:spMkLst>
        </pc:spChg>
        <pc:spChg chg="add mod">
          <ac:chgData name="Sorour Falahati" userId="8955ae62-45ff-43c9-8c3d-6aad30f36d67" providerId="ADAL" clId="{3E16DB8C-2D07-4491-A56A-1613FB21F87F}" dt="2023-01-20T18:33:10.336" v="13574" actId="20577"/>
          <ac:spMkLst>
            <pc:docMk/>
            <pc:sldMk cId="3586926967" sldId="297"/>
            <ac:spMk id="27" creationId="{72EB842E-29A4-44A2-A3C0-4D92B93789C8}"/>
          </ac:spMkLst>
        </pc:spChg>
        <pc:spChg chg="add mod">
          <ac:chgData name="Sorour Falahati" userId="8955ae62-45ff-43c9-8c3d-6aad30f36d67" providerId="ADAL" clId="{3E16DB8C-2D07-4491-A56A-1613FB21F87F}" dt="2023-01-20T18:33:40.655" v="13644" actId="1038"/>
          <ac:spMkLst>
            <pc:docMk/>
            <pc:sldMk cId="3586926967" sldId="297"/>
            <ac:spMk id="28" creationId="{BCEAAF82-6843-453C-A526-8F3142FF3971}"/>
          </ac:spMkLst>
        </pc:spChg>
        <pc:spChg chg="add mod">
          <ac:chgData name="Sorour Falahati" userId="8955ae62-45ff-43c9-8c3d-6aad30f36d67" providerId="ADAL" clId="{3E16DB8C-2D07-4491-A56A-1613FB21F87F}" dt="2023-01-20T18:33:51.784" v="13703" actId="1037"/>
          <ac:spMkLst>
            <pc:docMk/>
            <pc:sldMk cId="3586926967" sldId="297"/>
            <ac:spMk id="29" creationId="{9148A61B-2A79-48F4-A36F-8B3FC54C7608}"/>
          </ac:spMkLst>
        </pc:spChg>
        <pc:spChg chg="add mod">
          <ac:chgData name="Sorour Falahati" userId="8955ae62-45ff-43c9-8c3d-6aad30f36d67" providerId="ADAL" clId="{3E16DB8C-2D07-4491-A56A-1613FB21F87F}" dt="2023-01-20T18:34:58.407" v="13792" actId="20577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3E16DB8C-2D07-4491-A56A-1613FB21F87F}" dt="2023-01-20T18:34:26.723" v="13775" actId="1038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6" creationId="{B6246815-A152-448D-962C-97DE8BBFDE17}"/>
          </ac:spMkLst>
        </pc:spChg>
        <pc:spChg chg="add mod">
          <ac:chgData name="Sorour Falahati" userId="8955ae62-45ff-43c9-8c3d-6aad30f36d67" providerId="ADAL" clId="{3E16DB8C-2D07-4491-A56A-1613FB21F87F}" dt="2023-01-20T18:35:03.798" v="13793" actId="14100"/>
          <ac:spMkLst>
            <pc:docMk/>
            <pc:sldMk cId="3586926967" sldId="297"/>
            <ac:spMk id="37" creationId="{3383A191-BF84-42A5-9846-D6F1957AC79D}"/>
          </ac:spMkLst>
        </pc:spChg>
        <pc:spChg chg="add del mod">
          <ac:chgData name="Sorour Falahati" userId="8955ae62-45ff-43c9-8c3d-6aad30f36d67" providerId="ADAL" clId="{3E16DB8C-2D07-4491-A56A-1613FB21F87F}" dt="2023-01-20T18:34:30.662" v="13777" actId="478"/>
          <ac:spMkLst>
            <pc:docMk/>
            <pc:sldMk cId="3586926967" sldId="297"/>
            <ac:spMk id="40" creationId="{4A11605E-3A78-40D0-A38D-7D73BEC74320}"/>
          </ac:spMkLst>
        </pc:spChg>
        <pc:spChg chg="add mod">
          <ac:chgData name="Sorour Falahati" userId="8955ae62-45ff-43c9-8c3d-6aad30f36d67" providerId="ADAL" clId="{3E16DB8C-2D07-4491-A56A-1613FB21F87F}" dt="2023-01-20T18:34:15.244" v="13753" actId="207"/>
          <ac:spMkLst>
            <pc:docMk/>
            <pc:sldMk cId="3586926967" sldId="297"/>
            <ac:spMk id="41" creationId="{CE8E6836-A654-446B-8891-08DA0F5F0BD0}"/>
          </ac:spMkLst>
        </pc:s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5" creationId="{1F867928-F550-4BEB-AD73-FA006D8099CA}"/>
          </ac:grpSpMkLst>
        </pc:gr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7" creationId="{40470571-0955-40CF-81C9-D15B8CF61967}"/>
          </ac:grpSpMkLst>
        </pc:grpChg>
        <pc:grpChg chg="add mod">
          <ac:chgData name="Sorour Falahati" userId="8955ae62-45ff-43c9-8c3d-6aad30f36d67" providerId="ADAL" clId="{3E16DB8C-2D07-4491-A56A-1613FB21F87F}" dt="2023-01-20T18:34:03.178" v="13750" actId="1036"/>
          <ac:grpSpMkLst>
            <pc:docMk/>
            <pc:sldMk cId="3586926967" sldId="297"/>
            <ac:grpSpMk id="31" creationId="{82A07B0D-CE59-4C3D-BE5C-E4472891DD0F}"/>
          </ac:grpSpMkLst>
        </pc:grpChg>
        <pc:picChg chg="add del">
          <ac:chgData name="Sorour Falahati" userId="8955ae62-45ff-43c9-8c3d-6aad30f36d67" providerId="ADAL" clId="{3E16DB8C-2D07-4491-A56A-1613FB21F87F}" dt="2023-01-20T09:50:46.014" v="7314" actId="22"/>
          <ac:picMkLst>
            <pc:docMk/>
            <pc:sldMk cId="3586926967" sldId="297"/>
            <ac:picMk id="5" creationId="{FAB4D033-D133-4DEA-8477-39FD13981A35}"/>
          </ac:picMkLst>
        </pc:pic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0" creationId="{6E78D211-C178-4860-A7BA-E77685E020B4}"/>
          </ac:cxnSpMkLst>
        </pc:cxnChg>
        <pc:cxnChg chg="add del mod">
          <ac:chgData name="Sorour Falahati" userId="8955ae62-45ff-43c9-8c3d-6aad30f36d67" providerId="ADAL" clId="{3E16DB8C-2D07-4491-A56A-1613FB21F87F}" dt="2023-01-20T18:25:32.697" v="13145" actId="478"/>
          <ac:cxnSpMkLst>
            <pc:docMk/>
            <pc:sldMk cId="3586926967" sldId="297"/>
            <ac:cxnSpMk id="11" creationId="{5BFC12E2-7CC8-48E8-8641-E557E5138674}"/>
          </ac:cxnSpMkLst>
        </pc:cxn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1" creationId="{07235B7A-5520-4C77-A5A4-9FAB08C45DE6}"/>
          </ac:cxnSpMkLst>
        </pc:cxnChg>
        <pc:cxnChg chg="add mod">
          <ac:chgData name="Sorour Falahati" userId="8955ae62-45ff-43c9-8c3d-6aad30f36d67" providerId="ADAL" clId="{3E16DB8C-2D07-4491-A56A-1613FB21F87F}" dt="2023-01-20T18:32:21.216" v="13452" actId="13822"/>
          <ac:cxnSpMkLst>
            <pc:docMk/>
            <pc:sldMk cId="3586926967" sldId="297"/>
            <ac:cxnSpMk id="24" creationId="{B67E5AA8-25CF-49FA-8724-693A28447007}"/>
          </ac:cxnSpMkLst>
        </pc:cxnChg>
        <pc:cxnChg chg="add mod">
          <ac:chgData name="Sorour Falahati" userId="8955ae62-45ff-43c9-8c3d-6aad30f36d67" providerId="ADAL" clId="{3E16DB8C-2D07-4491-A56A-1613FB21F87F}" dt="2023-01-20T18:32:35.632" v="13505" actId="1036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5" creationId="{127C7F44-6889-48CB-BA4B-E8C8942BB743}"/>
          </ac:cxnSpMkLst>
        </pc:cxnChg>
        <pc:cxnChg chg="add del mod">
          <ac:chgData name="Sorour Falahati" userId="8955ae62-45ff-43c9-8c3d-6aad30f36d67" providerId="ADAL" clId="{3E16DB8C-2D07-4491-A56A-1613FB21F87F}" dt="2023-01-20T18:34:29.111" v="13776" actId="478"/>
          <ac:cxnSpMkLst>
            <pc:docMk/>
            <pc:sldMk cId="3586926967" sldId="297"/>
            <ac:cxnSpMk id="38" creationId="{3017AC9E-3E71-4224-A2FE-83A3C12F14C8}"/>
          </ac:cxnSpMkLst>
        </pc:cxnChg>
        <pc:cxnChg chg="add del mod">
          <ac:chgData name="Sorour Falahati" userId="8955ae62-45ff-43c9-8c3d-6aad30f36d67" providerId="ADAL" clId="{3E16DB8C-2D07-4491-A56A-1613FB21F87F}" dt="2023-01-20T18:34:31.598" v="13778" actId="478"/>
          <ac:cxnSpMkLst>
            <pc:docMk/>
            <pc:sldMk cId="3586926967" sldId="297"/>
            <ac:cxnSpMk id="39" creationId="{B42D0F53-6BC6-4A4E-B382-226BE64BBBE9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9:07:03.509" v="14099" actId="20577"/>
        <pc:sldMkLst>
          <pc:docMk/>
          <pc:sldMk cId="2563587410" sldId="298"/>
        </pc:sldMkLst>
        <pc:spChg chg="mod">
          <ac:chgData name="Sorour Falahati" userId="8955ae62-45ff-43c9-8c3d-6aad30f36d67" providerId="ADAL" clId="{3E16DB8C-2D07-4491-A56A-1613FB21F87F}" dt="2023-01-20T19:07:03.509" v="14099" actId="20577"/>
          <ac:spMkLst>
            <pc:docMk/>
            <pc:sldMk cId="2563587410" sldId="298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8:54:19.865" v="13988" actId="478"/>
          <ac:spMkLst>
            <pc:docMk/>
            <pc:sldMk cId="2563587410" sldId="298"/>
            <ac:spMk id="5" creationId="{F08D7F51-D902-449B-9DE3-3C48209E9D95}"/>
          </ac:spMkLst>
        </pc:spChg>
        <pc:spChg chg="add mod">
          <ac:chgData name="Sorour Falahati" userId="8955ae62-45ff-43c9-8c3d-6aad30f36d67" providerId="ADAL" clId="{3E16DB8C-2D07-4491-A56A-1613FB21F87F}" dt="2023-01-20T18:54:16.207" v="13987"/>
          <ac:spMkLst>
            <pc:docMk/>
            <pc:sldMk cId="2563587410" sldId="298"/>
            <ac:spMk id="6" creationId="{09A8DAEF-4C37-4D6A-B51C-DD7678A975D4}"/>
          </ac:spMkLst>
        </pc:spChg>
      </pc:sldChg>
      <pc:sldChg chg="modSp add del mod">
        <pc:chgData name="Sorour Falahati" userId="8955ae62-45ff-43c9-8c3d-6aad30f36d67" providerId="ADAL" clId="{3E16DB8C-2D07-4491-A56A-1613FB21F87F}" dt="2023-01-20T09:51:26.305" v="7320" actId="2696"/>
        <pc:sldMkLst>
          <pc:docMk/>
          <pc:sldMk cId="1511085164" sldId="299"/>
        </pc:sldMkLst>
        <pc:spChg chg="mod">
          <ac:chgData name="Sorour Falahati" userId="8955ae62-45ff-43c9-8c3d-6aad30f36d67" providerId="ADAL" clId="{3E16DB8C-2D07-4491-A56A-1613FB21F87F}" dt="2023-01-20T09:51:15.432" v="7319" actId="20577"/>
          <ac:spMkLst>
            <pc:docMk/>
            <pc:sldMk cId="1511085164" sldId="299"/>
            <ac:spMk id="3" creationId="{598143AB-1312-4DC9-B3D0-8C44F5E6BF9D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20T17:53:51.577" v="12963" actId="47"/>
        <pc:sldMkLst>
          <pc:docMk/>
          <pc:sldMk cId="2434098303" sldId="299"/>
        </pc:sldMkLst>
        <pc:spChg chg="mod">
          <ac:chgData name="Sorour Falahati" userId="8955ae62-45ff-43c9-8c3d-6aad30f36d67" providerId="ADAL" clId="{3E16DB8C-2D07-4491-A56A-1613FB21F87F}" dt="2023-01-20T17:05:06.204" v="11726" actId="20577"/>
          <ac:spMkLst>
            <pc:docMk/>
            <pc:sldMk cId="2434098303" sldId="299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4" creationId="{A1F68082-1555-46DB-9CD2-BF733163E00A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5" creationId="{72886832-03EC-45F9-B97F-F152DFFB67C7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6" creationId="{6ECBA7AF-DA0C-4164-9D23-4CE379141981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7" creationId="{B291BDD7-738A-4B55-9729-385A45123624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8" creationId="{83936B28-8201-474A-88FF-390B6EFD5206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9" creationId="{985628DD-52DC-4134-8B65-D6F11809489C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0" creationId="{580FF912-755E-4098-890B-90F19B5E685B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1" creationId="{9DDA8FB3-8F7F-46FC-A05A-81CFE797CBB8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2" creationId="{85054B42-AB31-4E79-B29B-C6AC92DBB9FD}"/>
          </ac:spMkLst>
        </pc:spChg>
        <pc:spChg chg="add del mod">
          <ac:chgData name="Sorour Falahati" userId="8955ae62-45ff-43c9-8c3d-6aad30f36d67" providerId="ADAL" clId="{3E16DB8C-2D07-4491-A56A-1613FB21F87F}" dt="2023-01-20T10:50:36.725" v="7853" actId="478"/>
          <ac:spMkLst>
            <pc:docMk/>
            <pc:sldMk cId="2434098303" sldId="299"/>
            <ac:spMk id="13" creationId="{D083A70E-AC65-4A20-AE1F-2264B92BAC53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4" creationId="{088C7CCB-ABAC-460E-89B6-828E4DD6512C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5" creationId="{EC80D92C-460D-4554-82D2-7515DD9DD640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6" creationId="{521A8962-8A2C-448C-8429-4D4056C25DF5}"/>
          </ac:spMkLst>
        </pc:spChg>
        <pc:spChg chg="add mod">
          <ac:chgData name="Sorour Falahati" userId="8955ae62-45ff-43c9-8c3d-6aad30f36d67" providerId="ADAL" clId="{3E16DB8C-2D07-4491-A56A-1613FB21F87F}" dt="2023-01-20T11:05:04.211" v="7944" actId="207"/>
          <ac:spMkLst>
            <pc:docMk/>
            <pc:sldMk cId="2434098303" sldId="299"/>
            <ac:spMk id="17" creationId="{34ABB2F5-7E96-4D1D-A4D1-2ED90803C29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8" creationId="{049E98A3-7B6F-4C5A-B6FB-4D38FDBDC0C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9" creationId="{CBF4CF6B-CD41-43B7-A549-B9DD243B4003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20" creationId="{2B8BA863-2FA4-4D9A-9FDA-7FB4C71C5869}"/>
          </ac:spMkLst>
        </pc:spChg>
        <pc:spChg chg="add mod">
          <ac:chgData name="Sorour Falahati" userId="8955ae62-45ff-43c9-8c3d-6aad30f36d67" providerId="ADAL" clId="{3E16DB8C-2D07-4491-A56A-1613FB21F87F}" dt="2023-01-20T11:05:06.644" v="7945" actId="207"/>
          <ac:spMkLst>
            <pc:docMk/>
            <pc:sldMk cId="2434098303" sldId="299"/>
            <ac:spMk id="21" creationId="{7FD7A4F4-BA40-435A-8293-93BE53ECA2E3}"/>
          </ac:spMkLst>
        </pc:spChg>
        <pc:spChg chg="add mod">
          <ac:chgData name="Sorour Falahati" userId="8955ae62-45ff-43c9-8c3d-6aad30f36d67" providerId="ADAL" clId="{3E16DB8C-2D07-4491-A56A-1613FB21F87F}" dt="2023-01-20T11:01:34.975" v="7927" actId="207"/>
          <ac:spMkLst>
            <pc:docMk/>
            <pc:sldMk cId="2434098303" sldId="299"/>
            <ac:spMk id="22" creationId="{48F64497-E0FB-4A8A-B7E8-55FAC2E04F04}"/>
          </ac:spMkLst>
        </pc:spChg>
        <pc:spChg chg="add mod">
          <ac:chgData name="Sorour Falahati" userId="8955ae62-45ff-43c9-8c3d-6aad30f36d67" providerId="ADAL" clId="{3E16DB8C-2D07-4491-A56A-1613FB21F87F}" dt="2023-01-20T11:04:25.876" v="7930" actId="14100"/>
          <ac:spMkLst>
            <pc:docMk/>
            <pc:sldMk cId="2434098303" sldId="299"/>
            <ac:spMk id="23" creationId="{27EA8497-61D9-4EFF-8A73-5DD79006B0C4}"/>
          </ac:spMkLst>
        </pc:spChg>
        <pc:spChg chg="add mod">
          <ac:chgData name="Sorour Falahati" userId="8955ae62-45ff-43c9-8c3d-6aad30f36d67" providerId="ADAL" clId="{3E16DB8C-2D07-4491-A56A-1613FB21F87F}" dt="2023-01-20T11:10:35.316" v="7954" actId="1038"/>
          <ac:spMkLst>
            <pc:docMk/>
            <pc:sldMk cId="2434098303" sldId="299"/>
            <ac:spMk id="24" creationId="{AD716E45-9EE1-474F-8B4A-4CD0947354EB}"/>
          </ac:spMkLst>
        </pc:spChg>
        <pc:spChg chg="add mod">
          <ac:chgData name="Sorour Falahati" userId="8955ae62-45ff-43c9-8c3d-6aad30f36d67" providerId="ADAL" clId="{3E16DB8C-2D07-4491-A56A-1613FB21F87F}" dt="2023-01-20T11:02:48.183" v="7929" actId="767"/>
          <ac:spMkLst>
            <pc:docMk/>
            <pc:sldMk cId="2434098303" sldId="299"/>
            <ac:spMk id="25" creationId="{1D61C743-CDED-4C2C-AB26-4E323C805A0A}"/>
          </ac:spMkLst>
        </pc:spChg>
        <pc:spChg chg="add mod">
          <ac:chgData name="Sorour Falahati" userId="8955ae62-45ff-43c9-8c3d-6aad30f36d67" providerId="ADAL" clId="{3E16DB8C-2D07-4491-A56A-1613FB21F87F}" dt="2023-01-20T11:05:00.167" v="7943" actId="1035"/>
          <ac:spMkLst>
            <pc:docMk/>
            <pc:sldMk cId="2434098303" sldId="299"/>
            <ac:spMk id="26" creationId="{12C4E180-C7D5-4B29-8EE9-46E0C68B52F5}"/>
          </ac:spMkLst>
        </pc:spChg>
        <pc:spChg chg="add mod">
          <ac:chgData name="Sorour Falahati" userId="8955ae62-45ff-43c9-8c3d-6aad30f36d67" providerId="ADAL" clId="{3E16DB8C-2D07-4491-A56A-1613FB21F87F}" dt="2023-01-20T11:10:39.188" v="7968" actId="1038"/>
          <ac:spMkLst>
            <pc:docMk/>
            <pc:sldMk cId="2434098303" sldId="299"/>
            <ac:spMk id="27" creationId="{54D6631F-E573-4120-A24A-00079C637865}"/>
          </ac:spMkLst>
        </pc:spChg>
      </pc:sldChg>
      <pc:sldChg chg="addSp modSp new del mod">
        <pc:chgData name="Sorour Falahati" userId="8955ae62-45ff-43c9-8c3d-6aad30f36d67" providerId="ADAL" clId="{3E16DB8C-2D07-4491-A56A-1613FB21F87F}" dt="2023-01-20T09:55:26.052" v="7326" actId="2696"/>
        <pc:sldMkLst>
          <pc:docMk/>
          <pc:sldMk cId="1378216324" sldId="300"/>
        </pc:sldMkLst>
        <pc:picChg chg="add mod">
          <ac:chgData name="Sorour Falahati" userId="8955ae62-45ff-43c9-8c3d-6aad30f36d67" providerId="ADAL" clId="{3E16DB8C-2D07-4491-A56A-1613FB21F87F}" dt="2023-01-20T09:55:20.370" v="7325" actId="14100"/>
          <ac:picMkLst>
            <pc:docMk/>
            <pc:sldMk cId="1378216324" sldId="300"/>
            <ac:picMk id="5" creationId="{CD8F9ACA-E621-4545-BC34-5F2F6820697C}"/>
          </ac:picMkLst>
        </pc:picChg>
      </pc:sldChg>
      <pc:sldChg chg="modSp add del mod">
        <pc:chgData name="Sorour Falahati" userId="8955ae62-45ff-43c9-8c3d-6aad30f36d67" providerId="ADAL" clId="{3E16DB8C-2D07-4491-A56A-1613FB21F87F}" dt="2023-01-20T09:56:05.638" v="7376" actId="2696"/>
        <pc:sldMkLst>
          <pc:docMk/>
          <pc:sldMk cId="2448499203" sldId="300"/>
        </pc:sldMkLst>
        <pc:spChg chg="mod">
          <ac:chgData name="Sorour Falahati" userId="8955ae62-45ff-43c9-8c3d-6aad30f36d67" providerId="ADAL" clId="{3E16DB8C-2D07-4491-A56A-1613FB21F87F}" dt="2023-01-20T09:55:57.676" v="7375" actId="20577"/>
          <ac:spMkLst>
            <pc:docMk/>
            <pc:sldMk cId="2448499203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09:55:52.886" v="7369" actId="1035"/>
          <ac:picMkLst>
            <pc:docMk/>
            <pc:sldMk cId="2448499203" sldId="300"/>
            <ac:picMk id="5" creationId="{CD8F9ACA-E621-4545-BC34-5F2F6820697C}"/>
          </ac:picMkLst>
        </pc:picChg>
      </pc:sldChg>
      <pc:sldChg chg="add">
        <pc:chgData name="Sorour Falahati" userId="8955ae62-45ff-43c9-8c3d-6aad30f36d67" providerId="ADAL" clId="{3E16DB8C-2D07-4491-A56A-1613FB21F87F}" dt="2023-01-20T18:44:11.650" v="13906"/>
        <pc:sldMkLst>
          <pc:docMk/>
          <pc:sldMk cId="2649763802" sldId="300"/>
        </pc:sldMkLst>
      </pc:sldChg>
      <pc:sldChg chg="modSp add del mod">
        <pc:chgData name="Sorour Falahati" userId="8955ae62-45ff-43c9-8c3d-6aad30f36d67" providerId="ADAL" clId="{3E16DB8C-2D07-4491-A56A-1613FB21F87F}" dt="2023-01-20T18:44:04.954" v="13905" actId="2696"/>
        <pc:sldMkLst>
          <pc:docMk/>
          <pc:sldMk cId="3498267925" sldId="300"/>
        </pc:sldMkLst>
        <pc:spChg chg="mod">
          <ac:chgData name="Sorour Falahati" userId="8955ae62-45ff-43c9-8c3d-6aad30f36d67" providerId="ADAL" clId="{3E16DB8C-2D07-4491-A56A-1613FB21F87F}" dt="2023-01-20T18:41:12.420" v="13884" actId="1035"/>
          <ac:spMkLst>
            <pc:docMk/>
            <pc:sldMk cId="3498267925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18:41:15.372" v="13885" actId="1076"/>
          <ac:picMkLst>
            <pc:docMk/>
            <pc:sldMk cId="3498267925" sldId="300"/>
            <ac:picMk id="5" creationId="{CD8F9ACA-E621-4545-BC34-5F2F6820697C}"/>
          </ac:picMkLst>
        </pc:picChg>
      </pc:sldChg>
      <pc:sldChg chg="addSp modSp new mod">
        <pc:chgData name="Sorour Falahati" userId="8955ae62-45ff-43c9-8c3d-6aad30f36d67" providerId="ADAL" clId="{3E16DB8C-2D07-4491-A56A-1613FB21F87F}" dt="2023-01-20T18:40:34.257" v="13869" actId="1036"/>
        <pc:sldMkLst>
          <pc:docMk/>
          <pc:sldMk cId="3849439622" sldId="301"/>
        </pc:sldMkLst>
        <pc:spChg chg="mod">
          <ac:chgData name="Sorour Falahati" userId="8955ae62-45ff-43c9-8c3d-6aad30f36d67" providerId="ADAL" clId="{3E16DB8C-2D07-4491-A56A-1613FB21F87F}" dt="2023-01-20T18:40:34.257" v="13869" actId="1036"/>
          <ac:spMkLst>
            <pc:docMk/>
            <pc:sldMk cId="3849439622" sldId="301"/>
            <ac:spMk id="3" creationId="{FB690044-3DDC-4B85-91C5-27EBF8BF5FE7}"/>
          </ac:spMkLst>
        </pc:spChg>
        <pc:picChg chg="add mod">
          <ac:chgData name="Sorour Falahati" userId="8955ae62-45ff-43c9-8c3d-6aad30f36d67" providerId="ADAL" clId="{3E16DB8C-2D07-4491-A56A-1613FB21F87F}" dt="2023-01-20T18:40:29.914" v="13860" actId="14100"/>
          <ac:picMkLst>
            <pc:docMk/>
            <pc:sldMk cId="3849439622" sldId="301"/>
            <ac:picMk id="5" creationId="{E585EB0F-9052-453F-93BC-40E3F8D8858E}"/>
          </ac:picMkLst>
        </pc:picChg>
      </pc:sldChg>
      <pc:sldChg chg="addSp modSp add mod">
        <pc:chgData name="Sorour Falahati" userId="8955ae62-45ff-43c9-8c3d-6aad30f36d67" providerId="ADAL" clId="{3E16DB8C-2D07-4491-A56A-1613FB21F87F}" dt="2023-01-20T18:53:39.585" v="13981" actId="13926"/>
        <pc:sldMkLst>
          <pc:docMk/>
          <pc:sldMk cId="2713800063" sldId="302"/>
        </pc:sldMkLst>
        <pc:spChg chg="mod">
          <ac:chgData name="Sorour Falahati" userId="8955ae62-45ff-43c9-8c3d-6aad30f36d67" providerId="ADAL" clId="{3E16DB8C-2D07-4491-A56A-1613FB21F87F}" dt="2023-01-20T18:52:12.966" v="13951" actId="27636"/>
          <ac:spMkLst>
            <pc:docMk/>
            <pc:sldMk cId="2713800063" sldId="302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39.585" v="13981" actId="13926"/>
          <ac:spMkLst>
            <pc:docMk/>
            <pc:sldMk cId="2713800063" sldId="302"/>
            <ac:spMk id="4" creationId="{E68073E6-AFBF-48EA-BEAB-80B185FCCD78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5:22.056" v="8413" actId="2696"/>
        <pc:sldMkLst>
          <pc:docMk/>
          <pc:sldMk cId="794495809" sldId="303"/>
        </pc:sldMkLst>
        <pc:spChg chg="mod">
          <ac:chgData name="Sorour Falahati" userId="8955ae62-45ff-43c9-8c3d-6aad30f36d67" providerId="ADAL" clId="{3E16DB8C-2D07-4491-A56A-1613FB21F87F}" dt="2023-01-20T15:04:30.111" v="8398" actId="313"/>
          <ac:spMkLst>
            <pc:docMk/>
            <pc:sldMk cId="794495809" sldId="303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7:08:10.510" v="11986" actId="20577"/>
        <pc:sldMkLst>
          <pc:docMk/>
          <pc:sldMk cId="3151740723" sldId="303"/>
        </pc:sldMkLst>
        <pc:spChg chg="mod">
          <ac:chgData name="Sorour Falahati" userId="8955ae62-45ff-43c9-8c3d-6aad30f36d67" providerId="ADAL" clId="{3E16DB8C-2D07-4491-A56A-1613FB21F87F}" dt="2023-01-20T17:08:10.510" v="11986" actId="20577"/>
          <ac:spMkLst>
            <pc:docMk/>
            <pc:sldMk cId="3151740723" sldId="303"/>
            <ac:spMk id="3" creationId="{598143AB-1312-4DC9-B3D0-8C44F5E6BF9D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7:17.874" v="8545" actId="2696"/>
        <pc:sldMkLst>
          <pc:docMk/>
          <pc:sldMk cId="3759488269" sldId="303"/>
        </pc:sldMkLst>
        <pc:spChg chg="mod">
          <ac:chgData name="Sorour Falahati" userId="8955ae62-45ff-43c9-8c3d-6aad30f36d67" providerId="ADAL" clId="{3E16DB8C-2D07-4491-A56A-1613FB21F87F}" dt="2023-01-20T15:07:00.453" v="8544" actId="20577"/>
          <ac:spMkLst>
            <pc:docMk/>
            <pc:sldMk cId="3759488269" sldId="303"/>
            <ac:spMk id="3" creationId="{598143AB-1312-4DC9-B3D0-8C44F5E6BF9D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0T18:05:02.806" v="13062"/>
        <pc:sldMkLst>
          <pc:docMk/>
          <pc:sldMk cId="2539241597" sldId="304"/>
        </pc:sldMkLst>
        <pc:spChg chg="mod">
          <ac:chgData name="Sorour Falahati" userId="8955ae62-45ff-43c9-8c3d-6aad30f36d67" providerId="ADAL" clId="{3E16DB8C-2D07-4491-A56A-1613FB21F87F}" dt="2023-01-20T18:05:02.806" v="13062"/>
          <ac:spMkLst>
            <pc:docMk/>
            <pc:sldMk cId="2539241597" sldId="304"/>
            <ac:spMk id="2" creationId="{26FC8C53-BF48-420A-8AC3-F02F11D31EE4}"/>
          </ac:spMkLst>
        </pc:spChg>
        <pc:spChg chg="del">
          <ac:chgData name="Sorour Falahati" userId="8955ae62-45ff-43c9-8c3d-6aad30f36d67" providerId="ADAL" clId="{3E16DB8C-2D07-4491-A56A-1613FB21F87F}" dt="2023-01-20T15:08:18.052" v="8553" actId="3680"/>
          <ac:spMkLst>
            <pc:docMk/>
            <pc:sldMk cId="2539241597" sldId="304"/>
            <ac:spMk id="3" creationId="{F409351D-5319-4C95-8696-5DE55553AE0A}"/>
          </ac:spMkLst>
        </pc:spChg>
        <pc:spChg chg="add del">
          <ac:chgData name="Sorour Falahati" userId="8955ae62-45ff-43c9-8c3d-6aad30f36d67" providerId="ADAL" clId="{3E16DB8C-2D07-4491-A56A-1613FB21F87F}" dt="2023-01-20T15:08:11.378" v="8552" actId="478"/>
          <ac:spMkLst>
            <pc:docMk/>
            <pc:sldMk cId="2539241597" sldId="304"/>
            <ac:spMk id="4" creationId="{4A51EB20-C62F-4D58-9396-208CF53EB21B}"/>
          </ac:spMkLst>
        </pc:spChg>
        <pc:spChg chg="add del mod">
          <ac:chgData name="Sorour Falahati" userId="8955ae62-45ff-43c9-8c3d-6aad30f36d67" providerId="ADAL" clId="{3E16DB8C-2D07-4491-A56A-1613FB21F87F}" dt="2023-01-20T15:08:09.787" v="8551" actId="478"/>
          <ac:spMkLst>
            <pc:docMk/>
            <pc:sldMk cId="2539241597" sldId="304"/>
            <ac:spMk id="5" creationId="{31310B23-6814-4C34-BEB8-884DBE96E36D}"/>
          </ac:spMkLst>
        </pc:spChg>
        <pc:spChg chg="add del mod">
          <ac:chgData name="Sorour Falahati" userId="8955ae62-45ff-43c9-8c3d-6aad30f36d67" providerId="ADAL" clId="{3E16DB8C-2D07-4491-A56A-1613FB21F87F}" dt="2023-01-20T15:11:20.553" v="8580" actId="478"/>
          <ac:spMkLst>
            <pc:docMk/>
            <pc:sldMk cId="2539241597" sldId="304"/>
            <ac:spMk id="8" creationId="{7E2D6325-BE97-4F29-956D-475905D26E69}"/>
          </ac:spMkLst>
        </pc:spChg>
        <pc:spChg chg="add mod">
          <ac:chgData name="Sorour Falahati" userId="8955ae62-45ff-43c9-8c3d-6aad30f36d67" providerId="ADAL" clId="{3E16DB8C-2D07-4491-A56A-1613FB21F87F}" dt="2023-01-20T15:36:29.176" v="9372" actId="20577"/>
          <ac:spMkLst>
            <pc:docMk/>
            <pc:sldMk cId="2539241597" sldId="304"/>
            <ac:spMk id="10" creationId="{F8BEE28B-D69B-4BD3-BF39-AB7591B5E50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1" creationId="{708C505E-7331-4C6A-842C-82E02DEEF7AB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2" creationId="{8FAA3FFD-3989-4AAB-AD03-BD5B68054F7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3" creationId="{A22B369B-B00B-4F30-AFB4-85BDC56B1F7D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4" creationId="{FB420163-307D-4FD5-890C-0054B5077F66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5" creationId="{683F0A02-0D9A-45B5-8E56-64A4C8BFFE9A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6" creationId="{7B72649C-C757-4980-916D-695C19C77ADF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7" creationId="{0B4BBA88-9D84-4517-A651-C2CF866950E1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8" creationId="{868A9156-88F1-41C6-AD0B-EC3F0E8A6759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19" creationId="{1152052B-FBD5-4BBC-ABB7-D3260BF8BD7B}"/>
          </ac:spMkLst>
        </pc:spChg>
        <pc:spChg chg="add del mod">
          <ac:chgData name="Sorour Falahati" userId="8955ae62-45ff-43c9-8c3d-6aad30f36d67" providerId="ADAL" clId="{3E16DB8C-2D07-4491-A56A-1613FB21F87F}" dt="2023-01-20T15:13:24.450" v="8665" actId="478"/>
          <ac:spMkLst>
            <pc:docMk/>
            <pc:sldMk cId="2539241597" sldId="304"/>
            <ac:spMk id="20" creationId="{76AD642B-8F04-455E-89D5-86DFEEB42ED8}"/>
          </ac:spMkLst>
        </pc:spChg>
        <pc:spChg chg="add del mod">
          <ac:chgData name="Sorour Falahati" userId="8955ae62-45ff-43c9-8c3d-6aad30f36d67" providerId="ADAL" clId="{3E16DB8C-2D07-4491-A56A-1613FB21F87F}" dt="2023-01-20T15:24:53.340" v="8788" actId="478"/>
          <ac:spMkLst>
            <pc:docMk/>
            <pc:sldMk cId="2539241597" sldId="304"/>
            <ac:spMk id="21" creationId="{9C9D2FF6-4CCD-4673-BB52-C1325CD3A9B4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22" creationId="{ABE23FD8-D9B8-4275-8408-ED4EEB12CE3A}"/>
          </ac:spMkLst>
        </pc:spChg>
        <pc:spChg chg="add del mod">
          <ac:chgData name="Sorour Falahati" userId="8955ae62-45ff-43c9-8c3d-6aad30f36d67" providerId="ADAL" clId="{3E16DB8C-2D07-4491-A56A-1613FB21F87F}" dt="2023-01-20T15:25:14.197" v="8792" actId="478"/>
          <ac:spMkLst>
            <pc:docMk/>
            <pc:sldMk cId="2539241597" sldId="304"/>
            <ac:spMk id="23" creationId="{FA740593-2798-414C-AC79-1D59720D87D2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24" creationId="{53D37896-48E0-4CDC-80AC-DF5726292CD5}"/>
          </ac:spMkLst>
        </pc:spChg>
        <pc:spChg chg="add del mod">
          <ac:chgData name="Sorour Falahati" userId="8955ae62-45ff-43c9-8c3d-6aad30f36d67" providerId="ADAL" clId="{3E16DB8C-2D07-4491-A56A-1613FB21F87F}" dt="2023-01-20T15:25:12.794" v="8791" actId="478"/>
          <ac:spMkLst>
            <pc:docMk/>
            <pc:sldMk cId="2539241597" sldId="304"/>
            <ac:spMk id="25" creationId="{05D88A8C-FC1B-44A9-BD60-5A5C7ACC2224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6" creationId="{0F38F635-4DB0-4DD3-AB8A-C3AF40B2C36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7" creationId="{A76693A9-2B7D-477E-8AC5-F6AFF2D4BA3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8" creationId="{8894BF35-5A49-4244-B98F-671CA4643CD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9" creationId="{E4D20083-15F1-49D4-9C35-D47A087D98CC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0" creationId="{EEBCCA80-F110-4F0A-9F29-4CD6C177B671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1" creationId="{76F0BA17-677E-4402-B60D-9FFB6815BA3C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2" creationId="{207E8858-959E-4FD0-9634-B5E3EF7DF241}"/>
          </ac:spMkLst>
        </pc:spChg>
        <pc:spChg chg="add del mod">
          <ac:chgData name="Sorour Falahati" userId="8955ae62-45ff-43c9-8c3d-6aad30f36d67" providerId="ADAL" clId="{3E16DB8C-2D07-4491-A56A-1613FB21F87F}" dt="2023-01-20T15:25:37.888" v="8838" actId="478"/>
          <ac:spMkLst>
            <pc:docMk/>
            <pc:sldMk cId="2539241597" sldId="304"/>
            <ac:spMk id="33" creationId="{A8109D79-9AB6-43BE-AEFA-E72814F1AC31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4" creationId="{EF794D08-FD15-4348-8FB0-EDB6E1EEF9EF}"/>
          </ac:spMkLst>
        </pc:spChg>
        <pc:spChg chg="add del mod">
          <ac:chgData name="Sorour Falahati" userId="8955ae62-45ff-43c9-8c3d-6aad30f36d67" providerId="ADAL" clId="{3E16DB8C-2D07-4491-A56A-1613FB21F87F}" dt="2023-01-20T15:25:39.250" v="8839" actId="478"/>
          <ac:spMkLst>
            <pc:docMk/>
            <pc:sldMk cId="2539241597" sldId="304"/>
            <ac:spMk id="35" creationId="{E4E098F3-9723-487D-A91B-E8D38482C96E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6" creationId="{29811890-1043-444A-9C28-A6E846AFA324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7" creationId="{FCC5C354-81CE-49FB-B677-031629DDE898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8" creationId="{FB270DEB-F7DD-4349-8331-E60AB00BD9FF}"/>
          </ac:spMkLst>
        </pc:spChg>
        <pc:spChg chg="add del mod">
          <ac:chgData name="Sorour Falahati" userId="8955ae62-45ff-43c9-8c3d-6aad30f36d67" providerId="ADAL" clId="{3E16DB8C-2D07-4491-A56A-1613FB21F87F}" dt="2023-01-20T15:25:40.691" v="8840" actId="478"/>
          <ac:spMkLst>
            <pc:docMk/>
            <pc:sldMk cId="2539241597" sldId="304"/>
            <ac:spMk id="39" creationId="{FC16F6A5-7637-4AD0-8D01-BED761940EB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0" creationId="{8FE950F1-E225-46FC-96D9-6180A5885EA5}"/>
          </ac:spMkLst>
        </pc:spChg>
        <pc:spChg chg="add del mod">
          <ac:chgData name="Sorour Falahati" userId="8955ae62-45ff-43c9-8c3d-6aad30f36d67" providerId="ADAL" clId="{3E16DB8C-2D07-4491-A56A-1613FB21F87F}" dt="2023-01-20T15:25:42.522" v="8841" actId="478"/>
          <ac:spMkLst>
            <pc:docMk/>
            <pc:sldMk cId="2539241597" sldId="304"/>
            <ac:spMk id="41" creationId="{912A9D4E-85A6-443B-AE86-DFBD1B73CC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2" creationId="{0A6D67E1-3598-473D-81DF-0C1BA1C302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3" creationId="{610D87F1-F4E3-45C6-85B5-DC68A1B0656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6" creationId="{513334A2-2D7A-4B1A-BDF3-A4A84824A87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7" creationId="{79287225-5E87-4B9B-BBB3-0F892B6E4C77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49" creationId="{3E0D1E14-E46C-4275-B87A-5121208B88D7}"/>
          </ac:spMkLst>
        </pc:spChg>
        <pc:spChg chg="add del mod">
          <ac:chgData name="Sorour Falahati" userId="8955ae62-45ff-43c9-8c3d-6aad30f36d67" providerId="ADAL" clId="{3E16DB8C-2D07-4491-A56A-1613FB21F87F}" dt="2023-01-20T15:32:13.272" v="9149" actId="478"/>
          <ac:spMkLst>
            <pc:docMk/>
            <pc:sldMk cId="2539241597" sldId="304"/>
            <ac:spMk id="50" creationId="{BAE0682D-78EA-436F-BAB9-1B3D702233E6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1" creationId="{867A6D10-F847-455A-B9A7-B38077746E18}"/>
          </ac:spMkLst>
        </pc:spChg>
        <pc:spChg chg="add del mod">
          <ac:chgData name="Sorour Falahati" userId="8955ae62-45ff-43c9-8c3d-6aad30f36d67" providerId="ADAL" clId="{3E16DB8C-2D07-4491-A56A-1613FB21F87F}" dt="2023-01-20T15:32:14.767" v="9150" actId="478"/>
          <ac:spMkLst>
            <pc:docMk/>
            <pc:sldMk cId="2539241597" sldId="304"/>
            <ac:spMk id="52" creationId="{1B747E30-A3DC-4F19-812E-DA1F0A553D80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3" creationId="{12C37698-1EB8-4DA8-B55B-C3B11277428B}"/>
          </ac:spMkLst>
        </pc:spChg>
        <pc:spChg chg="add del mod">
          <ac:chgData name="Sorour Falahati" userId="8955ae62-45ff-43c9-8c3d-6aad30f36d67" providerId="ADAL" clId="{3E16DB8C-2D07-4491-A56A-1613FB21F87F}" dt="2023-01-20T15:32:16.092" v="9151" actId="478"/>
          <ac:spMkLst>
            <pc:docMk/>
            <pc:sldMk cId="2539241597" sldId="304"/>
            <ac:spMk id="54" creationId="{38641373-5BD9-468D-BA27-477019DCF495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5" creationId="{5613A5F4-C256-4E9A-9DEF-405D60817398}"/>
          </ac:spMkLst>
        </pc:spChg>
        <pc:spChg chg="add del mod">
          <ac:chgData name="Sorour Falahati" userId="8955ae62-45ff-43c9-8c3d-6aad30f36d67" providerId="ADAL" clId="{3E16DB8C-2D07-4491-A56A-1613FB21F87F}" dt="2023-01-20T15:32:17.277" v="9152" actId="478"/>
          <ac:spMkLst>
            <pc:docMk/>
            <pc:sldMk cId="2539241597" sldId="304"/>
            <ac:spMk id="56" creationId="{E6D0FAA0-54A7-4243-ADAC-FC41C886826C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8" creationId="{A2A18796-2D8B-4C8F-86A0-7100D3E3028F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9" creationId="{4E58C2F0-3609-426D-A51F-7921D4A14436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0" creationId="{284A41ED-DD6A-4BD5-8F14-A9DE25AAD18E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1" creationId="{C8CF59DC-CDA6-4A8C-8A15-13C1720D90D9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3" creationId="{7C083FEA-BFE7-480A-9C59-649DE2A8F8D4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4" creationId="{F6BB2C93-BE8D-4D6B-B617-54706AE4F6D6}"/>
          </ac:spMkLst>
        </pc:spChg>
        <pc:grpChg chg="add mod">
          <ac:chgData name="Sorour Falahati" userId="8955ae62-45ff-43c9-8c3d-6aad30f36d67" providerId="ADAL" clId="{3E16DB8C-2D07-4491-A56A-1613FB21F87F}" dt="2023-01-20T15:35:55.192" v="9367" actId="1035"/>
          <ac:grpSpMkLst>
            <pc:docMk/>
            <pc:sldMk cId="2539241597" sldId="304"/>
            <ac:grpSpMk id="48" creationId="{103E73AA-99E8-4083-AAF3-8D09E3B615FF}"/>
          </ac:grpSpMkLst>
        </pc:grpChg>
        <pc:grpChg chg="add mod">
          <ac:chgData name="Sorour Falahati" userId="8955ae62-45ff-43c9-8c3d-6aad30f36d67" providerId="ADAL" clId="{3E16DB8C-2D07-4491-A56A-1613FB21F87F}" dt="2023-01-20T15:36:37.208" v="9401" actId="1035"/>
          <ac:grpSpMkLst>
            <pc:docMk/>
            <pc:sldMk cId="2539241597" sldId="304"/>
            <ac:grpSpMk id="57" creationId="{2DCB4046-F204-47D1-8E46-B9CF7B55C41E}"/>
          </ac:grpSpMkLst>
        </pc:grpChg>
        <pc:graphicFrameChg chg="add del mod ord modGraphic">
          <ac:chgData name="Sorour Falahati" userId="8955ae62-45ff-43c9-8c3d-6aad30f36d67" providerId="ADAL" clId="{3E16DB8C-2D07-4491-A56A-1613FB21F87F}" dt="2023-01-20T15:11:23.845" v="8581" actId="478"/>
          <ac:graphicFrameMkLst>
            <pc:docMk/>
            <pc:sldMk cId="2539241597" sldId="304"/>
            <ac:graphicFrameMk id="6" creationId="{22864ABF-EFFD-44F1-91A0-2BE5CA1EC69E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0T15:11:02.979" v="8575" actId="478"/>
          <ac:graphicFrameMkLst>
            <pc:docMk/>
            <pc:sldMk cId="2539241597" sldId="304"/>
            <ac:graphicFrameMk id="7" creationId="{2E35A5C7-AA5A-4A84-BC9D-5A0535E352E2}"/>
          </ac:graphicFrameMkLst>
        </pc:graphicFrameChg>
        <pc:cxnChg chg="add mod">
          <ac:chgData name="Sorour Falahati" userId="8955ae62-45ff-43c9-8c3d-6aad30f36d67" providerId="ADAL" clId="{3E16DB8C-2D07-4491-A56A-1613FB21F87F}" dt="2023-01-20T15:35:55.192" v="9367" actId="1035"/>
          <ac:cxnSpMkLst>
            <pc:docMk/>
            <pc:sldMk cId="2539241597" sldId="304"/>
            <ac:cxnSpMk id="45" creationId="{B95053CD-0AE9-410B-83E2-5A6C0FFD51B6}"/>
          </ac:cxnSpMkLst>
        </pc:cxnChg>
        <pc:cxnChg chg="add mod">
          <ac:chgData name="Sorour Falahati" userId="8955ae62-45ff-43c9-8c3d-6aad30f36d67" providerId="ADAL" clId="{3E16DB8C-2D07-4491-A56A-1613FB21F87F}" dt="2023-01-20T15:36:37.208" v="9401" actId="1035"/>
          <ac:cxnSpMkLst>
            <pc:docMk/>
            <pc:sldMk cId="2539241597" sldId="304"/>
            <ac:cxnSpMk id="62" creationId="{C3813292-DA7B-433D-B2BC-EDAE80C81725}"/>
          </ac:cxnSpMkLst>
        </pc:cxnChg>
      </pc:sldChg>
      <pc:sldChg chg="modSp add mod">
        <pc:chgData name="Sorour Falahati" userId="8955ae62-45ff-43c9-8c3d-6aad30f36d67" providerId="ADAL" clId="{3E16DB8C-2D07-4491-A56A-1613FB21F87F}" dt="2023-01-20T18:04:57.657" v="13061"/>
        <pc:sldMkLst>
          <pc:docMk/>
          <pc:sldMk cId="3756528014" sldId="305"/>
        </pc:sldMkLst>
        <pc:spChg chg="mod">
          <ac:chgData name="Sorour Falahati" userId="8955ae62-45ff-43c9-8c3d-6aad30f36d67" providerId="ADAL" clId="{3E16DB8C-2D07-4491-A56A-1613FB21F87F}" dt="2023-01-20T18:04:57.657" v="13061"/>
          <ac:spMkLst>
            <pc:docMk/>
            <pc:sldMk cId="3756528014" sldId="305"/>
            <ac:spMk id="2" creationId="{26FC8C53-BF48-420A-8AC3-F02F11D31EE4}"/>
          </ac:spMkLst>
        </pc:spChg>
        <pc:spChg chg="mod">
          <ac:chgData name="Sorour Falahati" userId="8955ae62-45ff-43c9-8c3d-6aad30f36d67" providerId="ADAL" clId="{3E16DB8C-2D07-4491-A56A-1613FB21F87F}" dt="2023-01-20T16:00:43.384" v="9670" actId="20577"/>
          <ac:spMkLst>
            <pc:docMk/>
            <pc:sldMk cId="3756528014" sldId="305"/>
            <ac:spMk id="10" creationId="{F8BEE28B-D69B-4BD3-BF39-AB7591B5E50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1" creationId="{708C505E-7331-4C6A-842C-82E02DEEF7AB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2" creationId="{8FAA3FFD-3989-4AAB-AD03-BD5B68054F7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3" creationId="{A22B369B-B00B-4F30-AFB4-85BDC56B1F7D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4" creationId="{FB420163-307D-4FD5-890C-0054B5077F6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6" creationId="{0F38F635-4DB0-4DD3-AB8A-C3AF40B2C36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7" creationId="{A76693A9-2B7D-477E-8AC5-F6AFF2D4BA3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8" creationId="{8894BF35-5A49-4244-B98F-671CA4643CD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9" creationId="{E4D20083-15F1-49D4-9C35-D47A087D98C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6" creationId="{513334A2-2D7A-4B1A-BDF3-A4A84824A87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7" creationId="{79287225-5E87-4B9B-BBB3-0F892B6E4C7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49" creationId="{3E0D1E14-E46C-4275-B87A-5121208B88D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1" creationId="{867A6D10-F847-455A-B9A7-B38077746E1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3" creationId="{12C37698-1EB8-4DA8-B55B-C3B11277428B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5" creationId="{5613A5F4-C256-4E9A-9DEF-405D6081739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3" creationId="{7C083FEA-BFE7-480A-9C59-649DE2A8F8D4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4" creationId="{F6BB2C93-BE8D-4D6B-B617-54706AE4F6D6}"/>
          </ac:spMkLst>
        </pc:spChg>
        <pc:grpChg chg="mod">
          <ac:chgData name="Sorour Falahati" userId="8955ae62-45ff-43c9-8c3d-6aad30f36d67" providerId="ADAL" clId="{3E16DB8C-2D07-4491-A56A-1613FB21F87F}" dt="2023-01-20T15:46:20.041" v="9640" actId="1036"/>
          <ac:grpSpMkLst>
            <pc:docMk/>
            <pc:sldMk cId="3756528014" sldId="305"/>
            <ac:grpSpMk id="48" creationId="{103E73AA-99E8-4083-AAF3-8D09E3B615FF}"/>
          </ac:grpSpMkLst>
        </pc:grpChg>
        <pc:grpChg chg="mod">
          <ac:chgData name="Sorour Falahati" userId="8955ae62-45ff-43c9-8c3d-6aad30f36d67" providerId="ADAL" clId="{3E16DB8C-2D07-4491-A56A-1613FB21F87F}" dt="2023-01-20T15:46:10.461" v="9614" actId="1036"/>
          <ac:grpSpMkLst>
            <pc:docMk/>
            <pc:sldMk cId="3756528014" sldId="305"/>
            <ac:grpSpMk id="57" creationId="{2DCB4046-F204-47D1-8E46-B9CF7B55C41E}"/>
          </ac:grpSpMkLst>
        </pc:grpChg>
        <pc:cxnChg chg="mod">
          <ac:chgData name="Sorour Falahati" userId="8955ae62-45ff-43c9-8c3d-6aad30f36d67" providerId="ADAL" clId="{3E16DB8C-2D07-4491-A56A-1613FB21F87F}" dt="2023-01-20T15:46:20.041" v="9640" actId="1036"/>
          <ac:cxnSpMkLst>
            <pc:docMk/>
            <pc:sldMk cId="3756528014" sldId="305"/>
            <ac:cxnSpMk id="45" creationId="{B95053CD-0AE9-410B-83E2-5A6C0FFD51B6}"/>
          </ac:cxnSpMkLst>
        </pc:cxnChg>
        <pc:cxnChg chg="mod">
          <ac:chgData name="Sorour Falahati" userId="8955ae62-45ff-43c9-8c3d-6aad30f36d67" providerId="ADAL" clId="{3E16DB8C-2D07-4491-A56A-1613FB21F87F}" dt="2023-01-20T15:46:10.461" v="9614" actId="1036"/>
          <ac:cxnSpMkLst>
            <pc:docMk/>
            <pc:sldMk cId="3756528014" sldId="305"/>
            <ac:cxnSpMk id="62" creationId="{C3813292-DA7B-433D-B2BC-EDAE80C81725}"/>
          </ac:cxnSpMkLst>
        </pc:cxnChg>
      </pc:sldChg>
      <pc:sldChg chg="addSp modSp add mod">
        <pc:chgData name="Sorour Falahati" userId="8955ae62-45ff-43c9-8c3d-6aad30f36d67" providerId="ADAL" clId="{3E16DB8C-2D07-4491-A56A-1613FB21F87F}" dt="2023-01-20T18:56:39.874" v="14022" actId="20577"/>
        <pc:sldMkLst>
          <pc:docMk/>
          <pc:sldMk cId="3890955246" sldId="306"/>
        </pc:sldMkLst>
        <pc:spChg chg="mod">
          <ac:chgData name="Sorour Falahati" userId="8955ae62-45ff-43c9-8c3d-6aad30f36d67" providerId="ADAL" clId="{3E16DB8C-2D07-4491-A56A-1613FB21F87F}" dt="2023-01-20T18:56:39.874" v="14022" actId="20577"/>
          <ac:spMkLst>
            <pc:docMk/>
            <pc:sldMk cId="3890955246" sldId="306"/>
            <ac:spMk id="2" creationId="{D960A806-0483-4EFC-9FD9-E663A83670F1}"/>
          </ac:spMkLst>
        </pc:spChg>
        <pc:spChg chg="mod">
          <ac:chgData name="Sorour Falahati" userId="8955ae62-45ff-43c9-8c3d-6aad30f36d67" providerId="ADAL" clId="{3E16DB8C-2D07-4491-A56A-1613FB21F87F}" dt="2023-01-20T18:53:57.715" v="13984" actId="27636"/>
          <ac:spMkLst>
            <pc:docMk/>
            <pc:sldMk cId="3890955246" sldId="306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54.244" v="13982"/>
          <ac:spMkLst>
            <pc:docMk/>
            <pc:sldMk cId="3890955246" sldId="306"/>
            <ac:spMk id="4" creationId="{081DFD80-129F-46CA-93BE-43EFB6002E4A}"/>
          </ac:spMkLst>
        </pc:spChg>
      </pc:sldChg>
      <pc:sldChg chg="addSp delSp modSp add mod modClrScheme chgLayout">
        <pc:chgData name="Sorour Falahati" userId="8955ae62-45ff-43c9-8c3d-6aad30f36d67" providerId="ADAL" clId="{3E16DB8C-2D07-4491-A56A-1613FB21F87F}" dt="2023-01-20T17:49:20.495" v="12838" actId="1035"/>
        <pc:sldMkLst>
          <pc:docMk/>
          <pc:sldMk cId="3551807957" sldId="307"/>
        </pc:sldMkLst>
        <pc:spChg chg="mod ord">
          <ac:chgData name="Sorour Falahati" userId="8955ae62-45ff-43c9-8c3d-6aad30f36d67" providerId="ADAL" clId="{3E16DB8C-2D07-4491-A56A-1613FB21F87F}" dt="2023-01-20T17:39:42.441" v="12745" actId="700"/>
          <ac:spMkLst>
            <pc:docMk/>
            <pc:sldMk cId="3551807957" sldId="307"/>
            <ac:spMk id="2" creationId="{D960A806-0483-4EFC-9FD9-E663A83670F1}"/>
          </ac:spMkLst>
        </pc:spChg>
        <pc:spChg chg="mod ord">
          <ac:chgData name="Sorour Falahati" userId="8955ae62-45ff-43c9-8c3d-6aad30f36d67" providerId="ADAL" clId="{3E16DB8C-2D07-4491-A56A-1613FB21F87F}" dt="2023-01-20T17:47:34.998" v="12820" actId="1076"/>
          <ac:spMkLst>
            <pc:docMk/>
            <pc:sldMk cId="3551807957" sldId="307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4" creationId="{311E1030-0C1D-4F7E-8F00-8768C9D38A5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5" creationId="{C3ADE193-4CC4-418B-97E9-C68C429232B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6" creationId="{6D8B69DB-8684-429D-BC9D-6A816574E44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7" creationId="{5F950A49-7B7C-431A-807E-294EACB85EBB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8" creationId="{581880C2-106F-478E-BC11-034B4B87CEF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9" creationId="{AE206354-5DB8-4EB8-9685-E23B3BB86C2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0" creationId="{4174159F-618C-4DBC-B4FC-4361CCB7C76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1" creationId="{E29EF18B-4133-445E-AAB9-6F066AC99748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3" creationId="{23F3E92C-0398-48F4-8D35-52B4C51EF1B9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4" creationId="{D5FDDEA2-9292-4944-99DB-5A58F3E3FC37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5" creationId="{CC821E1F-2C98-4489-81BF-2D485DFE623D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6" creationId="{440C4055-F4EA-4DCF-87A0-F41BBA457B00}"/>
          </ac:spMkLst>
        </pc:spChg>
        <pc:spChg chg="add del mod">
          <ac:chgData name="Sorour Falahati" userId="8955ae62-45ff-43c9-8c3d-6aad30f36d67" providerId="ADAL" clId="{3E16DB8C-2D07-4491-A56A-1613FB21F87F}" dt="2023-01-20T16:58:23.802" v="11408" actId="478"/>
          <ac:spMkLst>
            <pc:docMk/>
            <pc:sldMk cId="3551807957" sldId="307"/>
            <ac:spMk id="18" creationId="{277253B2-5970-4C31-9CD1-2F21CE50CBD4}"/>
          </ac:spMkLst>
        </pc:spChg>
        <pc:spChg chg="add del mod">
          <ac:chgData name="Sorour Falahati" userId="8955ae62-45ff-43c9-8c3d-6aad30f36d67" providerId="ADAL" clId="{3E16DB8C-2D07-4491-A56A-1613FB21F87F}" dt="2023-01-20T16:58:20.842" v="11406" actId="478"/>
          <ac:spMkLst>
            <pc:docMk/>
            <pc:sldMk cId="3551807957" sldId="307"/>
            <ac:spMk id="19" creationId="{B49FD552-EEB8-4E4D-8485-8459CA6547F1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0" creationId="{FB1D4688-6C55-4017-9131-FA2AB14C3E42}"/>
          </ac:spMkLst>
        </pc:spChg>
        <pc:spChg chg="add mod">
          <ac:chgData name="Sorour Falahati" userId="8955ae62-45ff-43c9-8c3d-6aad30f36d67" providerId="ADAL" clId="{3E16DB8C-2D07-4491-A56A-1613FB21F87F}" dt="2023-01-20T16:59:20.842" v="11462" actId="5793"/>
          <ac:spMkLst>
            <pc:docMk/>
            <pc:sldMk cId="3551807957" sldId="307"/>
            <ac:spMk id="21" creationId="{DB98624A-2C7D-4955-828D-7B6BAD2E0030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2" creationId="{29120B77-0AE2-4274-8D4A-19A163820557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3" creationId="{BC2E7641-D3E9-4D00-82DC-67B3FF04946C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4" creationId="{AA715DB7-DD49-4FF4-9822-23143FD50C2F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5" creationId="{3E2895F9-CC4E-4A55-AA54-1E043A6CDE2E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6" creationId="{609730A4-20FE-4C40-A7F9-65A11EAC6CE6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7" creationId="{1689FCF0-04CA-43BD-BDB4-B370DF089F55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9" creationId="{88E6EB63-9B1E-464D-B76B-624FF1FB2C78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0" creationId="{A5518787-2CD9-47A7-BE04-3EE016AC8874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1" creationId="{FC284389-D082-4FCF-9EB3-EABF403C4529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2" creationId="{B5AB1E65-3873-4D18-90F8-D0A934AAF4D9}"/>
          </ac:spMkLst>
        </pc:spChg>
        <pc:spChg chg="add mod">
          <ac:chgData name="Sorour Falahati" userId="8955ae62-45ff-43c9-8c3d-6aad30f36d67" providerId="ADAL" clId="{3E16DB8C-2D07-4491-A56A-1613FB21F87F}" dt="2023-01-20T17:40:26.310" v="12765" actId="1036"/>
          <ac:spMkLst>
            <pc:docMk/>
            <pc:sldMk cId="3551807957" sldId="307"/>
            <ac:spMk id="34" creationId="{241D332C-C935-4FAB-809D-EE527659E283}"/>
          </ac:spMkLst>
        </pc:spChg>
        <pc:spChg chg="add mod">
          <ac:chgData name="Sorour Falahati" userId="8955ae62-45ff-43c9-8c3d-6aad30f36d67" providerId="ADAL" clId="{3E16DB8C-2D07-4491-A56A-1613FB21F87F}" dt="2023-01-20T17:40:29.934" v="12767" actId="1035"/>
          <ac:spMkLst>
            <pc:docMk/>
            <pc:sldMk cId="3551807957" sldId="307"/>
            <ac:spMk id="35" creationId="{0D438FE1-A915-4DBF-8A7A-0072F22FA8CD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8" creationId="{F5F9D789-D82A-4549-8889-CC1D58EB1E3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9" creationId="{108001A7-1EFF-48B0-80F8-1EABDC0C63B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0" creationId="{B6659A31-894B-4C0A-B7E7-9DDF86DFD3D4}"/>
          </ac:spMkLst>
        </pc:spChg>
        <pc:spChg chg="mod">
          <ac:chgData name="Sorour Falahati" userId="8955ae62-45ff-43c9-8c3d-6aad30f36d67" providerId="ADAL" clId="{3E16DB8C-2D07-4491-A56A-1613FB21F87F}" dt="2023-01-20T17:01:19.634" v="11672" actId="207"/>
          <ac:spMkLst>
            <pc:docMk/>
            <pc:sldMk cId="3551807957" sldId="307"/>
            <ac:spMk id="41" creationId="{3BB0D4E7-41C1-45ED-B39E-BA054A24A33A}"/>
          </ac:spMkLst>
        </pc:spChg>
        <pc:spChg chg="mod">
          <ac:chgData name="Sorour Falahati" userId="8955ae62-45ff-43c9-8c3d-6aad30f36d67" providerId="ADAL" clId="{3E16DB8C-2D07-4491-A56A-1613FB21F87F}" dt="2023-01-20T17:01:23.404" v="11673" actId="207"/>
          <ac:spMkLst>
            <pc:docMk/>
            <pc:sldMk cId="3551807957" sldId="307"/>
            <ac:spMk id="42" creationId="{D789C2EB-9FAA-414B-9314-B774B5BAFA32}"/>
          </ac:spMkLst>
        </pc:spChg>
        <pc:spChg chg="mod">
          <ac:chgData name="Sorour Falahati" userId="8955ae62-45ff-43c9-8c3d-6aad30f36d67" providerId="ADAL" clId="{3E16DB8C-2D07-4491-A56A-1613FB21F87F}" dt="2023-01-20T17:01:26.665" v="11674" actId="207"/>
          <ac:spMkLst>
            <pc:docMk/>
            <pc:sldMk cId="3551807957" sldId="307"/>
            <ac:spMk id="43" creationId="{004623C9-E018-4E19-A90A-3A820256DF90}"/>
          </ac:spMkLst>
        </pc:spChg>
        <pc:spChg chg="mod">
          <ac:chgData name="Sorour Falahati" userId="8955ae62-45ff-43c9-8c3d-6aad30f36d67" providerId="ADAL" clId="{3E16DB8C-2D07-4491-A56A-1613FB21F87F}" dt="2023-01-20T17:01:30.740" v="11675" actId="207"/>
          <ac:spMkLst>
            <pc:docMk/>
            <pc:sldMk cId="3551807957" sldId="307"/>
            <ac:spMk id="44" creationId="{243FA456-683D-407D-A276-43A173366BD6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5" creationId="{BF09F187-688B-42CA-8B80-4041B8577A72}"/>
          </ac:spMkLst>
        </pc:spChg>
        <pc:spChg chg="del mod">
          <ac:chgData name="Sorour Falahati" userId="8955ae62-45ff-43c9-8c3d-6aad30f36d67" providerId="ADAL" clId="{3E16DB8C-2D07-4491-A56A-1613FB21F87F}" dt="2023-01-20T17:00:15.128" v="11515" actId="478"/>
          <ac:spMkLst>
            <pc:docMk/>
            <pc:sldMk cId="3551807957" sldId="307"/>
            <ac:spMk id="48" creationId="{4718F339-2DEF-45C6-95AB-38F1D4AA267F}"/>
          </ac:spMkLst>
        </pc:spChg>
        <pc:spChg chg="del mod">
          <ac:chgData name="Sorour Falahati" userId="8955ae62-45ff-43c9-8c3d-6aad30f36d67" providerId="ADAL" clId="{3E16DB8C-2D07-4491-A56A-1613FB21F87F}" dt="2023-01-20T17:00:19.648" v="11516" actId="478"/>
          <ac:spMkLst>
            <pc:docMk/>
            <pc:sldMk cId="3551807957" sldId="307"/>
            <ac:spMk id="49" creationId="{D8F7D9EB-4114-4910-9A2B-FBB13E700057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0" creationId="{4BE5EF2B-86B1-4CBF-86B6-F8F271353C4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1" creationId="{0DCEE7FF-111B-42AA-B558-00D3D344972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2" creationId="{2FE130F6-E494-4BD8-9BB6-629686DDAE7B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3" creationId="{AB4B8A85-572B-4ADF-B31B-CC49BA8DBC2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5" creationId="{6D338DC4-FE87-4FCB-B634-60AE51500A9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6" creationId="{4496FD10-C832-4DF0-9681-A285F4841D9D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7" creationId="{19FFC162-F792-4FF4-BEA1-ADD3C5AA8D41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8" creationId="{DD65C415-70B7-464F-9588-5DA672743D9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9" creationId="{E97AD207-CD18-4424-BC04-B8D4581E586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60" creationId="{4C273459-351E-4DB0-9269-C9DE823A7A4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1" creationId="{CBBA50C9-98FA-4BF5-BFCE-E1546EAB7082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2" creationId="{8C1985F1-6145-40F6-AEE0-8D0F9D1D50E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4" creationId="{1158930C-26AA-4249-B9D6-96C4F0DDDFDE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5" creationId="{F4CFA66C-5DDE-453A-8697-3E36238C7309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6" creationId="{475E8FAF-52BC-4871-8D61-64041AEDA0CA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7" creationId="{F4AFDE26-C97F-4621-A069-3A7812FE2DD4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69" creationId="{CC420EFC-0EFC-4CCC-9E98-EC2E8503ACD5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0" creationId="{F3DD96EB-4BE5-49EE-9298-AA77943E492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1" creationId="{061E1F46-DF02-4161-A052-0CB84D53DAB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2" creationId="{61AE3FD1-34FC-4241-8AA9-AB00549EBF2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3" creationId="{5B9F4AD6-9022-408B-9749-AE0B4B5F47E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4" creationId="{EF4C2F4C-8B9C-453D-992C-7A42F21AFAC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5" creationId="{C56F01ED-1A85-4B98-89F9-940851A8747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6" creationId="{25DC2091-C4D5-47D7-A85E-F86DB300AB2F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8" creationId="{378473D4-946E-470F-B4F0-705C8FD3DD38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9" creationId="{E38218F3-3072-4472-AA2B-F162F40D057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0" creationId="{22D7C145-54AA-4C74-991D-DBCA671123D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1" creationId="{F3DF0161-A41D-41F5-A5FE-DC3355E6AF2A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3" creationId="{56D5483F-183A-4E6A-B3E6-0DFA0BED351F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4" creationId="{3CAE9053-F9F3-475A-9C5A-EC192105D627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5" creationId="{AC9E5127-826E-4FAE-9D0D-1C0838E510F0}"/>
          </ac:spMkLst>
        </pc:spChg>
        <pc:spChg chg="mod">
          <ac:chgData name="Sorour Falahati" userId="8955ae62-45ff-43c9-8c3d-6aad30f36d67" providerId="ADAL" clId="{3E16DB8C-2D07-4491-A56A-1613FB21F87F}" dt="2023-01-20T17:02:05.795" v="11679" actId="207"/>
          <ac:spMkLst>
            <pc:docMk/>
            <pc:sldMk cId="3551807957" sldId="307"/>
            <ac:spMk id="86" creationId="{103980D4-4D3B-46FE-A26D-1CD9FD24B382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7" creationId="{A437838C-E042-47A4-94DE-E42BD9028994}"/>
          </ac:spMkLst>
        </pc:spChg>
        <pc:spChg chg="mod">
          <ac:chgData name="Sorour Falahati" userId="8955ae62-45ff-43c9-8c3d-6aad30f36d67" providerId="ADAL" clId="{3E16DB8C-2D07-4491-A56A-1613FB21F87F}" dt="2023-01-20T17:02:09.018" v="11680" actId="207"/>
          <ac:spMkLst>
            <pc:docMk/>
            <pc:sldMk cId="3551807957" sldId="307"/>
            <ac:spMk id="88" creationId="{22EA73AF-5016-4821-99E4-5E31F5191FA6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9" creationId="{8C77D46F-0B1B-4F82-BDAD-A0DE60A4BC10}"/>
          </ac:spMkLst>
        </pc:spChg>
        <pc:spChg chg="mod">
          <ac:chgData name="Sorour Falahati" userId="8955ae62-45ff-43c9-8c3d-6aad30f36d67" providerId="ADAL" clId="{3E16DB8C-2D07-4491-A56A-1613FB21F87F}" dt="2023-01-20T17:02:11.956" v="11681" actId="207"/>
          <ac:spMkLst>
            <pc:docMk/>
            <pc:sldMk cId="3551807957" sldId="307"/>
            <ac:spMk id="90" creationId="{970CAC5C-2DBE-4B92-A9A5-2D0F339A50C1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2" creationId="{162F8643-5D8D-45B5-9BCC-077CD91AF6CB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3" creationId="{FD9FC5E2-F078-4F71-B0B3-DF26370C352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4" creationId="{212BCD96-C719-49A3-A85C-B1EF42A4841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5" creationId="{AF08E053-E559-49B5-B789-984AB91C1EB0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97" creationId="{06AA434A-1013-42DB-8FEA-0A8AD0473355}"/>
          </ac:spMkLst>
        </pc:spChg>
        <pc:spChg chg="mod">
          <ac:chgData name="Sorour Falahati" userId="8955ae62-45ff-43c9-8c3d-6aad30f36d67" providerId="ADAL" clId="{3E16DB8C-2D07-4491-A56A-1613FB21F87F}" dt="2023-01-20T17:02:51.156" v="11713" actId="207"/>
          <ac:spMkLst>
            <pc:docMk/>
            <pc:sldMk cId="3551807957" sldId="307"/>
            <ac:spMk id="98" creationId="{26DD88FC-F928-4076-9A08-1E5A8B8CCB57}"/>
          </ac:spMkLst>
        </pc:spChg>
        <pc:spChg chg="mod">
          <ac:chgData name="Sorour Falahati" userId="8955ae62-45ff-43c9-8c3d-6aad30f36d67" providerId="ADAL" clId="{3E16DB8C-2D07-4491-A56A-1613FB21F87F}" dt="2023-01-20T17:02:57.116" v="11714" actId="207"/>
          <ac:spMkLst>
            <pc:docMk/>
            <pc:sldMk cId="3551807957" sldId="307"/>
            <ac:spMk id="99" creationId="{1997DA91-EB07-4CAD-B1F2-96DAAD45FB6E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0" creationId="{D664C075-760C-415A-BADE-11B09907712E}"/>
          </ac:spMkLst>
        </pc:spChg>
        <pc:spChg chg="mod">
          <ac:chgData name="Sorour Falahati" userId="8955ae62-45ff-43c9-8c3d-6aad30f36d67" providerId="ADAL" clId="{3E16DB8C-2D07-4491-A56A-1613FB21F87F}" dt="2023-01-20T17:03:01.604" v="11715" actId="207"/>
          <ac:spMkLst>
            <pc:docMk/>
            <pc:sldMk cId="3551807957" sldId="307"/>
            <ac:spMk id="101" creationId="{B313BEA7-EA80-4024-8790-3FC2768A6FF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2" creationId="{56C068D8-299B-49F1-BD6E-6E1FDE3E7D4E}"/>
          </ac:spMkLst>
        </pc:spChg>
        <pc:spChg chg="mod">
          <ac:chgData name="Sorour Falahati" userId="8955ae62-45ff-43c9-8c3d-6aad30f36d67" providerId="ADAL" clId="{3E16DB8C-2D07-4491-A56A-1613FB21F87F}" dt="2023-01-20T17:03:06.229" v="11716" actId="207"/>
          <ac:spMkLst>
            <pc:docMk/>
            <pc:sldMk cId="3551807957" sldId="307"/>
            <ac:spMk id="103" creationId="{A6609B38-DA06-464E-A820-BCA6C11DF5A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4" creationId="{A9F49BA2-B9D8-40CE-B87C-BC12E5D8A8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6" creationId="{952E7D10-7A22-4AC6-BD85-1EB7BB8E62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7" creationId="{CBC928B4-AD79-4328-9A76-528151BA1F37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8" creationId="{F09DDDF5-AE73-474F-AE3C-CB20B3482FED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9" creationId="{E2149261-0BDE-4F59-B63E-A05273CEBC27}"/>
          </ac:spMkLst>
        </pc:spChg>
        <pc:spChg chg="add mod ord">
          <ac:chgData name="Sorour Falahati" userId="8955ae62-45ff-43c9-8c3d-6aad30f36d67" providerId="ADAL" clId="{3E16DB8C-2D07-4491-A56A-1613FB21F87F}" dt="2023-01-20T17:39:55.491" v="12747" actId="14100"/>
          <ac:spMkLst>
            <pc:docMk/>
            <pc:sldMk cId="3551807957" sldId="307"/>
            <ac:spMk id="110" creationId="{5A05A010-F968-479E-A744-BF9C159DA183}"/>
          </ac:spMkLst>
        </pc:spChg>
        <pc:spChg chg="add mod">
          <ac:chgData name="Sorour Falahati" userId="8955ae62-45ff-43c9-8c3d-6aad30f36d67" providerId="ADAL" clId="{3E16DB8C-2D07-4491-A56A-1613FB21F87F}" dt="2023-01-20T17:49:20.495" v="12838" actId="1035"/>
          <ac:spMkLst>
            <pc:docMk/>
            <pc:sldMk cId="3551807957" sldId="307"/>
            <ac:spMk id="111" creationId="{F1C62904-A062-4BB3-9F6B-B1584337C8E6}"/>
          </ac:spMkLst>
        </pc:spChg>
        <pc:grpChg chg="add del mod">
          <ac:chgData name="Sorour Falahati" userId="8955ae62-45ff-43c9-8c3d-6aad30f36d67" providerId="ADAL" clId="{3E16DB8C-2D07-4491-A56A-1613FB21F87F}" dt="2023-01-20T17:00:02.706" v="11487" actId="478"/>
          <ac:grpSpMkLst>
            <pc:docMk/>
            <pc:sldMk cId="3551807957" sldId="307"/>
            <ac:grpSpMk id="12" creationId="{C57E02A2-80AC-4307-9304-0B426AF20937}"/>
          </ac:grpSpMkLst>
        </pc:grpChg>
        <pc:grpChg chg="add mod">
          <ac:chgData name="Sorour Falahati" userId="8955ae62-45ff-43c9-8c3d-6aad30f36d67" providerId="ADAL" clId="{3E16DB8C-2D07-4491-A56A-1613FB21F87F}" dt="2023-01-20T16:59:06.172" v="11454" actId="164"/>
          <ac:grpSpMkLst>
            <pc:docMk/>
            <pc:sldMk cId="3551807957" sldId="307"/>
            <ac:grpSpMk id="28" creationId="{8D10C440-B82A-4CD2-9FFE-01A4F7BD806E}"/>
          </ac:grpSpMkLst>
        </pc:grpChg>
        <pc:grpChg chg="add mod">
          <ac:chgData name="Sorour Falahati" userId="8955ae62-45ff-43c9-8c3d-6aad30f36d67" providerId="ADAL" clId="{3E16DB8C-2D07-4491-A56A-1613FB21F87F}" dt="2023-01-20T17:40:10.155" v="12760" actId="1036"/>
          <ac:grpSpMkLst>
            <pc:docMk/>
            <pc:sldMk cId="3551807957" sldId="307"/>
            <ac:grpSpMk id="36" creationId="{6BD977F6-2922-4CD3-96FD-95D0D5A44242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37" creationId="{61B996BB-FF04-4C7B-81D6-BCCECD2A4812}"/>
          </ac:grpSpMkLst>
        </pc:grpChg>
        <pc:grpChg chg="mod">
          <ac:chgData name="Sorour Falahati" userId="8955ae62-45ff-43c9-8c3d-6aad30f36d67" providerId="ADAL" clId="{3E16DB8C-2D07-4491-A56A-1613FB21F87F}" dt="2023-01-20T17:00:06.945" v="11488"/>
          <ac:grpSpMkLst>
            <pc:docMk/>
            <pc:sldMk cId="3551807957" sldId="307"/>
            <ac:grpSpMk id="46" creationId="{4CE36CB5-C3D7-4198-A9C0-506163CA2250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54" creationId="{AD9003F3-A164-43FF-ABD1-017B706857E4}"/>
          </ac:grpSpMkLst>
        </pc:grpChg>
        <pc:grpChg chg="mod">
          <ac:chgData name="Sorour Falahati" userId="8955ae62-45ff-43c9-8c3d-6aad30f36d67" providerId="ADAL" clId="{3E16DB8C-2D07-4491-A56A-1613FB21F87F}" dt="2023-01-20T17:00:28.652" v="11518"/>
          <ac:grpSpMkLst>
            <pc:docMk/>
            <pc:sldMk cId="3551807957" sldId="307"/>
            <ac:grpSpMk id="63" creationId="{C1207DE4-F0BB-4E0E-908C-620BF99B66FD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68" creationId="{11F4D3BC-2384-4846-B28A-C53FC5F09196}"/>
          </ac:grpSpMkLst>
        </pc:grpChg>
        <pc:grpChg chg="mod">
          <ac:chgData name="Sorour Falahati" userId="8955ae62-45ff-43c9-8c3d-6aad30f36d67" providerId="ADAL" clId="{3E16DB8C-2D07-4491-A56A-1613FB21F87F}" dt="2023-01-20T17:00:35.579" v="11554"/>
          <ac:grpSpMkLst>
            <pc:docMk/>
            <pc:sldMk cId="3551807957" sldId="307"/>
            <ac:grpSpMk id="77" creationId="{A9C00633-9F91-466F-A143-926D0FAB3EB9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82" creationId="{9F20C998-5CBD-4E45-91B2-D400967ED781}"/>
          </ac:grpSpMkLst>
        </pc:grpChg>
        <pc:grpChg chg="mod">
          <ac:chgData name="Sorour Falahati" userId="8955ae62-45ff-43c9-8c3d-6aad30f36d67" providerId="ADAL" clId="{3E16DB8C-2D07-4491-A56A-1613FB21F87F}" dt="2023-01-20T17:00:41.669" v="11586"/>
          <ac:grpSpMkLst>
            <pc:docMk/>
            <pc:sldMk cId="3551807957" sldId="307"/>
            <ac:grpSpMk id="91" creationId="{AE36868E-00EC-4DCD-97DA-561EC019CD48}"/>
          </ac:grpSpMkLst>
        </pc:grpChg>
        <pc:grpChg chg="add del mod">
          <ac:chgData name="Sorour Falahati" userId="8955ae62-45ff-43c9-8c3d-6aad30f36d67" providerId="ADAL" clId="{3E16DB8C-2D07-4491-A56A-1613FB21F87F}" dt="2023-01-20T17:03:24.744" v="11717" actId="478"/>
          <ac:grpSpMkLst>
            <pc:docMk/>
            <pc:sldMk cId="3551807957" sldId="307"/>
            <ac:grpSpMk id="96" creationId="{2E2CF577-DBF8-42CB-A446-1CB8AB27AAE2}"/>
          </ac:grpSpMkLst>
        </pc:grpChg>
        <pc:grpChg chg="mod">
          <ac:chgData name="Sorour Falahati" userId="8955ae62-45ff-43c9-8c3d-6aad30f36d67" providerId="ADAL" clId="{3E16DB8C-2D07-4491-A56A-1613FB21F87F}" dt="2023-01-20T17:02:33.231" v="11682"/>
          <ac:grpSpMkLst>
            <pc:docMk/>
            <pc:sldMk cId="3551807957" sldId="307"/>
            <ac:grpSpMk id="105" creationId="{CE5A4BCD-5A9C-43D7-A671-6AE7D25DB13C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112" creationId="{FB7344DC-A504-4956-9910-306D79F4B3C8}"/>
          </ac:grpSpMkLst>
        </pc:grpChg>
        <pc:cxnChg chg="add del mod">
          <ac:chgData name="Sorour Falahati" userId="8955ae62-45ff-43c9-8c3d-6aad30f36d67" providerId="ADAL" clId="{3E16DB8C-2D07-4491-A56A-1613FB21F87F}" dt="2023-01-20T16:58:22.094" v="11407" actId="478"/>
          <ac:cxnSpMkLst>
            <pc:docMk/>
            <pc:sldMk cId="3551807957" sldId="307"/>
            <ac:cxnSpMk id="17" creationId="{C5415825-ECC8-4787-B695-924EC2F2274D}"/>
          </ac:cxnSpMkLst>
        </pc:cxnChg>
        <pc:cxnChg chg="add mod">
          <ac:chgData name="Sorour Falahati" userId="8955ae62-45ff-43c9-8c3d-6aad30f36d67" providerId="ADAL" clId="{3E16DB8C-2D07-4491-A56A-1613FB21F87F}" dt="2023-01-20T16:59:06.172" v="11454" actId="164"/>
          <ac:cxnSpMkLst>
            <pc:docMk/>
            <pc:sldMk cId="3551807957" sldId="307"/>
            <ac:cxnSpMk id="33" creationId="{01B8BBEF-A82E-4504-B663-A1F002501264}"/>
          </ac:cxnSpMkLst>
        </pc:cxnChg>
        <pc:cxnChg chg="del mod">
          <ac:chgData name="Sorour Falahati" userId="8955ae62-45ff-43c9-8c3d-6aad30f36d67" providerId="ADAL" clId="{3E16DB8C-2D07-4491-A56A-1613FB21F87F}" dt="2023-01-20T17:00:22.550" v="11517" actId="478"/>
          <ac:cxnSpMkLst>
            <pc:docMk/>
            <pc:sldMk cId="3551807957" sldId="307"/>
            <ac:cxnSpMk id="47" creationId="{16A10901-FEF6-4EF7-AAFB-AC0ADC93BC8B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8:54:09.739" v="13986" actId="20577"/>
        <pc:sldMkLst>
          <pc:docMk/>
          <pc:sldMk cId="933780611" sldId="308"/>
        </pc:sldMkLst>
        <pc:spChg chg="mod">
          <ac:chgData name="Sorour Falahati" userId="8955ae62-45ff-43c9-8c3d-6aad30f36d67" providerId="ADAL" clId="{3E16DB8C-2D07-4491-A56A-1613FB21F87F}" dt="2023-01-20T18:54:09.739" v="13986" actId="20577"/>
          <ac:spMkLst>
            <pc:docMk/>
            <pc:sldMk cId="933780611" sldId="308"/>
            <ac:spMk id="3" creationId="{598143AB-1312-4DC9-B3D0-8C44F5E6BF9D}"/>
          </ac:spMkLst>
        </pc:spChg>
        <pc:spChg chg="del mod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4" creationId="{A1F68082-1555-46DB-9CD2-BF733163E0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5" creationId="{72886832-03EC-45F9-B97F-F152DFFB67C7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6" creationId="{6ECBA7AF-DA0C-4164-9D23-4CE379141981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7" creationId="{B291BDD7-738A-4B55-9729-385A4512362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8" creationId="{83936B28-8201-474A-88FF-390B6EFD5206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9" creationId="{985628DD-52DC-4134-8B65-D6F11809489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0" creationId="{580FF912-755E-4098-890B-90F19B5E685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1" creationId="{9DDA8FB3-8F7F-46FC-A05A-81CFE797CBB8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2" creationId="{85054B42-AB31-4E79-B29B-C6AC92DBB9FD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4" creationId="{088C7CCB-ABAC-460E-89B6-828E4DD6512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5" creationId="{EC80D92C-460D-4554-82D2-7515DD9DD640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6" creationId="{521A8962-8A2C-448C-8429-4D4056C25D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7" creationId="{34ABB2F5-7E96-4D1D-A4D1-2ED90803C29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8" creationId="{049E98A3-7B6F-4C5A-B6FB-4D38FDBDC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9" creationId="{CBF4CF6B-CD41-43B7-A549-B9DD243B400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0" creationId="{2B8BA863-2FA4-4D9A-9FDA-7FB4C71C5869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1" creationId="{7FD7A4F4-BA40-435A-8293-93BE53ECA2E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2" creationId="{48F64497-E0FB-4A8A-B7E8-55FAC2E04F0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3" creationId="{27EA8497-61D9-4EFF-8A73-5DD79006B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4" creationId="{AD716E45-9EE1-474F-8B4A-4CD0947354E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5" creationId="{1D61C743-CDED-4C2C-AB26-4E323C805A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6" creationId="{12C4E180-C7D5-4B29-8EE9-46E0C68B52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7" creationId="{54D6631F-E573-4120-A24A-00079C637865}"/>
          </ac:spMkLst>
        </pc:spChg>
        <pc:spChg chg="add mod">
          <ac:chgData name="Sorour Falahati" userId="8955ae62-45ff-43c9-8c3d-6aad30f36d67" providerId="ADAL" clId="{3E16DB8C-2D07-4491-A56A-1613FB21F87F}" dt="2023-01-20T18:54:02.978" v="13985"/>
          <ac:spMkLst>
            <pc:docMk/>
            <pc:sldMk cId="933780611" sldId="308"/>
            <ac:spMk id="28" creationId="{B838C6A6-E6D1-4C8C-B320-97F245015F3D}"/>
          </ac:spMkLst>
        </pc:spChg>
      </pc:sldChg>
      <pc:sldChg chg="add del">
        <pc:chgData name="Sorour Falahati" userId="8955ae62-45ff-43c9-8c3d-6aad30f36d67" providerId="ADAL" clId="{3E16DB8C-2D07-4491-A56A-1613FB21F87F}" dt="2023-01-20T17:52:35.662" v="12840" actId="2696"/>
        <pc:sldMkLst>
          <pc:docMk/>
          <pc:sldMk cId="1128822164" sldId="309"/>
        </pc:sldMkLst>
      </pc:sldChg>
      <pc:sldChg chg="modSp new mod">
        <pc:chgData name="Sorour Falahati" userId="8955ae62-45ff-43c9-8c3d-6aad30f36d67" providerId="ADAL" clId="{3E16DB8C-2D07-4491-A56A-1613FB21F87F}" dt="2023-01-20T18:41:48.810" v="13889" actId="20577"/>
        <pc:sldMkLst>
          <pc:docMk/>
          <pc:sldMk cId="1177923286" sldId="309"/>
        </pc:sldMkLst>
        <pc:spChg chg="mod">
          <ac:chgData name="Sorour Falahati" userId="8955ae62-45ff-43c9-8c3d-6aad30f36d67" providerId="ADAL" clId="{3E16DB8C-2D07-4491-A56A-1613FB21F87F}" dt="2023-01-20T18:41:48.810" v="13889" actId="20577"/>
          <ac:spMkLst>
            <pc:docMk/>
            <pc:sldMk cId="1177923286" sldId="309"/>
            <ac:spMk id="2" creationId="{E5BA10EB-B0D2-4595-907F-994FCEC004BA}"/>
          </ac:spMkLst>
        </pc:spChg>
      </pc:sldChg>
      <pc:sldChg chg="modSp add mod">
        <pc:chgData name="Sorour Falahati" userId="8955ae62-45ff-43c9-8c3d-6aad30f36d67" providerId="ADAL" clId="{3E16DB8C-2D07-4491-A56A-1613FB21F87F}" dt="2023-01-20T18:43:37.469" v="13904" actId="20577"/>
        <pc:sldMkLst>
          <pc:docMk/>
          <pc:sldMk cId="401679739" sldId="310"/>
        </pc:sldMkLst>
        <pc:spChg chg="mod">
          <ac:chgData name="Sorour Falahati" userId="8955ae62-45ff-43c9-8c3d-6aad30f36d67" providerId="ADAL" clId="{3E16DB8C-2D07-4491-A56A-1613FB21F87F}" dt="2023-01-20T18:43:37.469" v="13904" actId="20577"/>
          <ac:spMkLst>
            <pc:docMk/>
            <pc:sldMk cId="401679739" sldId="310"/>
            <ac:spMk id="2" creationId="{E5BA10EB-B0D2-4595-907F-994FCEC004BA}"/>
          </ac:spMkLst>
        </pc:spChg>
      </pc:sldChg>
      <pc:sldChg chg="modSp new mod">
        <pc:chgData name="Sorour Falahati" userId="8955ae62-45ff-43c9-8c3d-6aad30f36d67" providerId="ADAL" clId="{3E16DB8C-2D07-4491-A56A-1613FB21F87F}" dt="2023-01-24T11:19:07.236" v="14277"/>
        <pc:sldMkLst>
          <pc:docMk/>
          <pc:sldMk cId="3127767616" sldId="311"/>
        </pc:sldMkLst>
        <pc:spChg chg="mod">
          <ac:chgData name="Sorour Falahati" userId="8955ae62-45ff-43c9-8c3d-6aad30f36d67" providerId="ADAL" clId="{3E16DB8C-2D07-4491-A56A-1613FB21F87F}" dt="2023-01-24T11:19:07.236" v="14277"/>
          <ac:spMkLst>
            <pc:docMk/>
            <pc:sldMk cId="3127767616" sldId="311"/>
            <ac:spMk id="3" creationId="{34AF1D6A-E760-4D11-87CE-44B7EAFAEBFB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4T13:45:17.133" v="15624" actId="5793"/>
        <pc:sldMkLst>
          <pc:docMk/>
          <pc:sldMk cId="75047321" sldId="312"/>
        </pc:sldMkLst>
        <pc:spChg chg="mod">
          <ac:chgData name="Sorour Falahati" userId="8955ae62-45ff-43c9-8c3d-6aad30f36d67" providerId="ADAL" clId="{3E16DB8C-2D07-4491-A56A-1613FB21F87F}" dt="2023-01-24T13:45:17.133" v="15624" actId="5793"/>
          <ac:spMkLst>
            <pc:docMk/>
            <pc:sldMk cId="75047321" sldId="312"/>
            <ac:spMk id="3" creationId="{A2A8277D-20A3-4699-9692-F914279BE8CB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4" creationId="{6D1AD6C9-4E99-4654-ACE2-239BD49C008C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5" creationId="{FB1E615A-DC17-445C-A717-4EEF7A834954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6" creationId="{F5037BA3-A229-419C-BA0C-7AEEA7A298F9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7" creationId="{BF678397-9FB3-4F04-8EA7-0D09E6DD4F9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9" creationId="{45F8A8A0-BF82-4303-81D4-82D1B1725EC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0" creationId="{2D782A6F-B785-475E-840E-0F4A7FA42868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1" creationId="{AF0B7E51-FADF-4FF8-98D7-A33CF1FC1B27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2" creationId="{1C46911E-ED8E-4102-8651-6DA9BD602AC8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4" creationId="{ABD1B098-9E13-41B3-848B-8D78121857CA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5" creationId="{14CAF854-439B-4F66-ABFD-243CF08034A1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7" creationId="{8D5E41C2-9916-4961-B135-9D1AD1799243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8" creationId="{DA0D3F7B-FF6A-46B7-B27F-01BEE6422560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9" creationId="{75447A0B-A7B6-4B3B-8C4B-ACABDC94408D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20" creationId="{ECD674C9-9D68-4DEB-8CBB-D7B940C23A25}"/>
          </ac:spMkLst>
        </pc:spChg>
        <pc:grpChg chg="add del mod topLvl">
          <ac:chgData name="Sorour Falahati" userId="8955ae62-45ff-43c9-8c3d-6aad30f36d67" providerId="ADAL" clId="{3E16DB8C-2D07-4491-A56A-1613FB21F87F}" dt="2023-01-24T13:25:19.276" v="15216" actId="165"/>
          <ac:grpSpMkLst>
            <pc:docMk/>
            <pc:sldMk cId="75047321" sldId="312"/>
            <ac:grpSpMk id="8" creationId="{11D89E33-4844-4427-9281-554C6C251C25}"/>
          </ac:grpSpMkLst>
        </pc:grpChg>
        <pc:grpChg chg="add del mod">
          <ac:chgData name="Sorour Falahati" userId="8955ae62-45ff-43c9-8c3d-6aad30f36d67" providerId="ADAL" clId="{3E16DB8C-2D07-4491-A56A-1613FB21F87F}" dt="2023-01-24T13:25:15.201" v="15215" actId="165"/>
          <ac:grpSpMkLst>
            <pc:docMk/>
            <pc:sldMk cId="75047321" sldId="312"/>
            <ac:grpSpMk id="16" creationId="{0C30382D-8C53-4707-87EF-A162E8934397}"/>
          </ac:grpSpMkLst>
        </pc:grpChg>
        <pc:cxnChg chg="add mod topLvl">
          <ac:chgData name="Sorour Falahati" userId="8955ae62-45ff-43c9-8c3d-6aad30f36d67" providerId="ADAL" clId="{3E16DB8C-2D07-4491-A56A-1613FB21F87F}" dt="2023-01-24T13:45:08.030" v="15620" actId="1036"/>
          <ac:cxnSpMkLst>
            <pc:docMk/>
            <pc:sldMk cId="75047321" sldId="312"/>
            <ac:cxnSpMk id="13" creationId="{93C102EF-C516-4359-92C7-38A780B4FA6B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2-07T19:43:47.920" v="17827" actId="5736"/>
        <pc:sldMkLst>
          <pc:docMk/>
          <pc:sldMk cId="21015849" sldId="313"/>
        </pc:sldMkLst>
        <pc:spChg chg="del">
          <ac:chgData name="Sorour Falahati" userId="8955ae62-45ff-43c9-8c3d-6aad30f36d67" providerId="ADAL" clId="{3E16DB8C-2D07-4491-A56A-1613FB21F87F}" dt="2023-02-07T19:42:38.273" v="17826" actId="478"/>
          <ac:spMkLst>
            <pc:docMk/>
            <pc:sldMk cId="21015849" sldId="313"/>
            <ac:spMk id="2" creationId="{B2A266BB-95CB-4505-8666-58D7D05CD46D}"/>
          </ac:spMkLst>
        </pc:spChg>
        <pc:spChg chg="del">
          <ac:chgData name="Sorour Falahati" userId="8955ae62-45ff-43c9-8c3d-6aad30f36d67" providerId="ADAL" clId="{3E16DB8C-2D07-4491-A56A-1613FB21F87F}" dt="2023-01-25T14:25:05.353" v="15799" actId="3680"/>
          <ac:spMkLst>
            <pc:docMk/>
            <pc:sldMk cId="21015849" sldId="313"/>
            <ac:spMk id="3" creationId="{22957891-8B88-4995-BAA6-277C9A933C04}"/>
          </ac:spMkLst>
        </pc:spChg>
        <pc:spChg chg="add mod">
          <ac:chgData name="Sorour Falahati" userId="8955ae62-45ff-43c9-8c3d-6aad30f36d67" providerId="ADAL" clId="{3E16DB8C-2D07-4491-A56A-1613FB21F87F}" dt="2023-02-07T19:42:19.535" v="17824" actId="1035"/>
          <ac:spMkLst>
            <pc:docMk/>
            <pc:sldMk cId="21015849" sldId="313"/>
            <ac:spMk id="6" creationId="{D118FCED-B65A-4E6D-9976-2DFD39C119C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5" creationId="{DF9863FF-3603-4331-8EF6-901D95D14BB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6" creationId="{177872B1-5ADF-4BF2-84D5-574669CD41EE}"/>
          </ac:spMkLst>
        </pc:spChg>
        <pc:spChg chg="add del mod">
          <ac:chgData name="Sorour Falahati" userId="8955ae62-45ff-43c9-8c3d-6aad30f36d67" providerId="ADAL" clId="{3E16DB8C-2D07-4491-A56A-1613FB21F87F}" dt="2023-02-07T16:44:15.360" v="16634" actId="478"/>
          <ac:spMkLst>
            <pc:docMk/>
            <pc:sldMk cId="21015849" sldId="313"/>
            <ac:spMk id="18" creationId="{91B68AF2-3B5F-4C3E-9734-352ACE69D7B6}"/>
          </ac:spMkLst>
        </pc:spChg>
        <pc:spChg chg="add del mod">
          <ac:chgData name="Sorour Falahati" userId="8955ae62-45ff-43c9-8c3d-6aad30f36d67" providerId="ADAL" clId="{3E16DB8C-2D07-4491-A56A-1613FB21F87F}" dt="2023-02-07T17:36:02.265" v="17049" actId="478"/>
          <ac:spMkLst>
            <pc:docMk/>
            <pc:sldMk cId="21015849" sldId="313"/>
            <ac:spMk id="20" creationId="{F38AC788-5CAB-4A07-A608-A6A2F37E844E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28" creationId="{E737BD74-53AF-42CE-93DD-17EE12E2AEED}"/>
          </ac:spMkLst>
        </pc:spChg>
        <pc:spChg chg="add del mod">
          <ac:chgData name="Sorour Falahati" userId="8955ae62-45ff-43c9-8c3d-6aad30f36d67" providerId="ADAL" clId="{3E16DB8C-2D07-4491-A56A-1613FB21F87F}" dt="2023-02-07T17:53:18.239" v="17554" actId="478"/>
          <ac:spMkLst>
            <pc:docMk/>
            <pc:sldMk cId="21015849" sldId="313"/>
            <ac:spMk id="29" creationId="{0CDBEA1C-0B5A-4C49-9A66-0D957BBD8107}"/>
          </ac:spMkLst>
        </pc:spChg>
        <pc:spChg chg="add del mod">
          <ac:chgData name="Sorour Falahati" userId="8955ae62-45ff-43c9-8c3d-6aad30f36d67" providerId="ADAL" clId="{3E16DB8C-2D07-4491-A56A-1613FB21F87F}" dt="2023-02-07T19:42:26.947" v="17825" actId="478"/>
          <ac:spMkLst>
            <pc:docMk/>
            <pc:sldMk cId="21015849" sldId="313"/>
            <ac:spMk id="30" creationId="{90DE0861-633F-4BFC-801B-60915070F2CF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2" creationId="{6E899B11-D20A-41F2-9F9E-ED9541295FA7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6" creationId="{168CEFD3-A234-4F73-833B-65BF2B2F8A74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7" creationId="{75F9D87A-E505-4A53-AD8A-B1AF430AB7BF}"/>
          </ac:spMkLst>
        </pc:spChg>
        <pc:graphicFrameChg chg="add del mod ord modGraphic">
          <ac:chgData name="Sorour Falahati" userId="8955ae62-45ff-43c9-8c3d-6aad30f36d67" providerId="ADAL" clId="{3E16DB8C-2D07-4491-A56A-1613FB21F87F}" dt="2023-01-26T16:31:15.884" v="15992" actId="478"/>
          <ac:graphicFrameMkLst>
            <pc:docMk/>
            <pc:sldMk cId="21015849" sldId="313"/>
            <ac:graphicFrameMk id="4" creationId="{D5DBF757-6B22-46C6-845C-2E29980088E7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7" creationId="{6161E75C-B40E-4471-B191-93ECDFB0C199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2-07T19:36:00.519" v="17667" actId="478"/>
          <ac:graphicFrameMkLst>
            <pc:docMk/>
            <pc:sldMk cId="21015849" sldId="313"/>
            <ac:graphicFrameMk id="19" creationId="{D7E525FE-3422-4ED6-996A-61E3F8C470E5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5" creationId="{331EB786-C396-4EA7-B9A6-AF9ED457CD53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6" creationId="{138CB7A4-48A7-4CD3-9925-21B8AF941E2C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7" creationId="{CA460C91-1B00-4CD4-A916-A25BA1F841C8}"/>
          </ac:graphicFrameMkLst>
        </pc:graphicFrameChg>
        <pc:graphicFrameChg chg="add mod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3" creationId="{CD15E79B-C830-4360-9B3D-498733C5339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4" creationId="{06F1674F-282B-4A08-8651-F3CEA36E601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5" creationId="{F463C73E-3832-4F53-855E-562F55644FFA}"/>
          </ac:graphicFrameMkLst>
        </pc:graphicFrame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9" creationId="{6E3C5CD7-EC81-4D87-9E72-88A0EDC5487A}"/>
          </ac:cxnSpMkLst>
        </pc:cxn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12" creationId="{0A306EED-8541-4131-A1F1-F907BC26A096}"/>
          </ac:cxnSpMkLst>
        </pc:cxnChg>
        <pc:cxnChg chg="add del mod">
          <ac:chgData name="Sorour Falahati" userId="8955ae62-45ff-43c9-8c3d-6aad30f36d67" providerId="ADAL" clId="{3E16DB8C-2D07-4491-A56A-1613FB21F87F}" dt="2023-02-07T16:37:27.492" v="16566" actId="478"/>
          <ac:cxnSpMkLst>
            <pc:docMk/>
            <pc:sldMk cId="21015849" sldId="313"/>
            <ac:cxnSpMk id="17" creationId="{A1DF42CE-A0C5-4691-8024-1A50E51F1BAA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1-26T16:25:29.503" v="15984" actId="1035"/>
        <pc:sldMkLst>
          <pc:docMk/>
          <pc:sldMk cId="2287677175" sldId="314"/>
        </pc:sldMkLst>
        <pc:spChg chg="del">
          <ac:chgData name="Sorour Falahati" userId="8955ae62-45ff-43c9-8c3d-6aad30f36d67" providerId="ADAL" clId="{3E16DB8C-2D07-4491-A56A-1613FB21F87F}" dt="2023-01-26T16:17:41.303" v="15898"/>
          <ac:spMkLst>
            <pc:docMk/>
            <pc:sldMk cId="2287677175" sldId="314"/>
            <ac:spMk id="3" creationId="{8826C66D-789E-40C9-856D-7A55F65C14F4}"/>
          </ac:spMkLst>
        </pc:spChg>
        <pc:graphicFrameChg chg="add mod modGraphic">
          <ac:chgData name="Sorour Falahati" userId="8955ae62-45ff-43c9-8c3d-6aad30f36d67" providerId="ADAL" clId="{3E16DB8C-2D07-4491-A56A-1613FB21F87F}" dt="2023-01-26T16:25:29.503" v="15984" actId="1035"/>
          <ac:graphicFrameMkLst>
            <pc:docMk/>
            <pc:sldMk cId="2287677175" sldId="314"/>
            <ac:graphicFrameMk id="4" creationId="{F5EF40E9-4CB8-4265-A6ED-54493C4B371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0:39.906" v="15915" actId="478"/>
          <ac:graphicFrameMkLst>
            <pc:docMk/>
            <pc:sldMk cId="2287677175" sldId="314"/>
            <ac:graphicFrameMk id="5" creationId="{A6EB242C-6A5A-4E44-A3ED-8EC85960196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1:16.951" v="15919" actId="478"/>
          <ac:graphicFrameMkLst>
            <pc:docMk/>
            <pc:sldMk cId="2287677175" sldId="314"/>
            <ac:graphicFrameMk id="6" creationId="{DD577219-7A86-473F-9D87-C0CC0DBC3CE4}"/>
          </ac:graphicFrameMkLst>
        </pc:graphicFrameChg>
      </pc:sldChg>
      <pc:sldChg chg="addSp delSp modSp add mod">
        <pc:chgData name="Sorour Falahati" userId="8955ae62-45ff-43c9-8c3d-6aad30f36d67" providerId="ADAL" clId="{3E16DB8C-2D07-4491-A56A-1613FB21F87F}" dt="2023-01-26T16:38:06.580" v="16161" actId="14734"/>
        <pc:sldMkLst>
          <pc:docMk/>
          <pc:sldMk cId="278827139" sldId="315"/>
        </pc:sldMkLst>
        <pc:spChg chg="mod">
          <ac:chgData name="Sorour Falahati" userId="8955ae62-45ff-43c9-8c3d-6aad30f36d67" providerId="ADAL" clId="{3E16DB8C-2D07-4491-A56A-1613FB21F87F}" dt="2023-01-26T16:38:03.479" v="16160" actId="20577"/>
          <ac:spMkLst>
            <pc:docMk/>
            <pc:sldMk cId="278827139" sldId="315"/>
            <ac:spMk id="2" creationId="{1F1AEDFA-6843-4554-8D3F-34165BBA5EBE}"/>
          </ac:spMkLst>
        </pc:spChg>
        <pc:spChg chg="add del mod">
          <ac:chgData name="Sorour Falahati" userId="8955ae62-45ff-43c9-8c3d-6aad30f36d67" providerId="ADAL" clId="{3E16DB8C-2D07-4491-A56A-1613FB21F87F}" dt="2023-01-26T16:22:48.764" v="15924" actId="478"/>
          <ac:spMkLst>
            <pc:docMk/>
            <pc:sldMk cId="278827139" sldId="315"/>
            <ac:spMk id="5" creationId="{0B176F44-03BF-4BCC-BC8C-F3392BF1918A}"/>
          </ac:spMkLst>
        </pc:spChg>
        <pc:graphicFrameChg chg="add del mod modGraphic">
          <ac:chgData name="Sorour Falahati" userId="8955ae62-45ff-43c9-8c3d-6aad30f36d67" providerId="ADAL" clId="{3E16DB8C-2D07-4491-A56A-1613FB21F87F}" dt="2023-01-26T16:38:06.580" v="16161" actId="14734"/>
          <ac:graphicFrameMkLst>
            <pc:docMk/>
            <pc:sldMk cId="278827139" sldId="315"/>
            <ac:graphicFrameMk id="4" creationId="{F5EF40E9-4CB8-4265-A6ED-54493C4B3717}"/>
          </ac:graphicFrameMkLst>
        </pc:graphicFrameChg>
      </pc:sldChg>
      <pc:sldChg chg="add">
        <pc:chgData name="Sorour Falahati" userId="8955ae62-45ff-43c9-8c3d-6aad30f36d67" providerId="ADAL" clId="{3E16DB8C-2D07-4491-A56A-1613FB21F87F}" dt="2023-02-07T20:14:16.327" v="17828"/>
        <pc:sldMkLst>
          <pc:docMk/>
          <pc:sldMk cId="785650326" sldId="316"/>
        </pc:sldMkLst>
      </pc:sldChg>
      <pc:sldMasterChg chg="modSldLayout">
        <pc:chgData name="Sorour Falahati" userId="8955ae62-45ff-43c9-8c3d-6aad30f36d67" providerId="ADAL" clId="{3E16DB8C-2D07-4491-A56A-1613FB21F87F}" dt="2023-01-25T10:30:53.558" v="1578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3E16DB8C-2D07-4491-A56A-1613FB21F87F}" dt="2023-01-25T10:30:53.328" v="1562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3E16DB8C-2D07-4491-A56A-1613FB21F87F}" dt="2023-01-25T10:30:53.328" v="1562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3E16DB8C-2D07-4491-A56A-1613FB21F87F}" dt="2023-01-25T10:30:53.328" v="1563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3" v="1564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3E16DB8C-2D07-4491-A56A-1613FB21F87F}" dt="2023-01-25T10:30:53.343" v="1564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3E16DB8C-2D07-4491-A56A-1613FB21F87F}" dt="2023-01-25T10:30:53.344" v="1564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3E16DB8C-2D07-4491-A56A-1613FB21F87F}" dt="2023-01-25T10:30:53.344" v="1564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57" v="1565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3E16DB8C-2D07-4491-A56A-1613FB21F87F}" dt="2023-01-25T10:30:53.357" v="1565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67" v="1565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3E16DB8C-2D07-4491-A56A-1613FB21F87F}" dt="2023-01-25T10:30:53.367" v="1565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3E16DB8C-2D07-4491-A56A-1613FB21F87F}" dt="2023-01-25T10:30:53.370" v="1566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3E16DB8C-2D07-4491-A56A-1613FB21F87F}" dt="2023-01-25T10:30:53.370" v="1566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89" v="1566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3E16DB8C-2D07-4491-A56A-1613FB21F87F}" dt="2023-01-25T10:30:53.389" v="1566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3E16DB8C-2D07-4491-A56A-1613FB21F87F}" dt="2023-01-25T10:30:53.390" v="1567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06" v="1568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3E16DB8C-2D07-4491-A56A-1613FB21F87F}" dt="2023-01-25T10:30:53.406" v="1568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52" v="1571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3E16DB8C-2D07-4491-A56A-1613FB21F87F}" dt="2023-01-25T10:30:53.452" v="1571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4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3E16DB8C-2D07-4491-A56A-1613FB21F87F}" dt="2023-01-25T10:30:53.486" v="1574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3E16DB8C-2D07-4491-A56A-1613FB21F87F}" dt="2023-01-25T10:30:53.503" v="1574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36" v="1576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3E16DB8C-2D07-4491-A56A-1613FB21F87F}" dt="2023-01-25T10:30:53.536" v="1576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3E16DB8C-2D07-4491-A56A-1613FB21F87F}" dt="2023-01-25T10:30:53.542" v="1577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3E16DB8C-2D07-4491-A56A-1613FB21F87F}" dt="2023-01-25T10:30:53.542" v="1577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8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3E16DB8C-2D07-4491-A56A-1613FB21F87F}" dt="2023-01-25T10:30:53.542" v="1578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3E16DB8C-2D07-4491-A56A-1613FB21F87F}" dt="2023-01-25T10:30:53.558" v="1578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3E16DB8C-2D07-4491-A56A-1613FB21F87F}" dt="2023-01-25T10:30:53.471" v="1572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3E16DB8C-2D07-4491-A56A-1613FB21F87F}" dt="2023-01-25T10:30:53.471" v="1572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3E16DB8C-2D07-4491-A56A-1613FB21F87F}" dt="2023-01-25T10:30:53.486" v="1573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3E16DB8C-2D07-4491-A56A-1613FB21F87F}" dt="2023-01-25T10:30:53.486" v="1573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3E16DB8C-2D07-4491-A56A-1613FB21F87F}" dt="2023-01-25T10:30:53.503" v="1574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5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3E16DB8C-2D07-4491-A56A-1613FB21F87F}" dt="2023-01-25T10:30:53.503" v="1575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5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3E16DB8C-2D07-4491-A56A-1613FB21F87F}" dt="2023-01-25T10:30:53.519" v="1575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3E16DB8C-2D07-4491-A56A-1613FB21F87F}" dt="2023-01-25T10:30:53.519" v="1576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3E16DB8C-2D07-4491-A56A-1613FB21F87F}" dt="2023-01-25T10:30:53.558" v="1578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3E16DB8C-2D07-4491-A56A-1613FB21F87F}" dt="2023-01-25T10:30:53.390" v="1567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3E16DB8C-2D07-4491-A56A-1613FB21F87F}" dt="2023-01-25T10:30:53.328" v="1563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5" v="1572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3E16DB8C-2D07-4491-A56A-1613FB21F87F}" dt="2023-01-25T10:30:53.465" v="1572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3E16DB8C-2D07-4491-A56A-1613FB21F87F}" dt="2023-01-25T10:30:53.519" v="1576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0" v="1568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3E16DB8C-2D07-4491-A56A-1613FB21F87F}" dt="2023-01-25T10:30:53.410" v="1568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8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3E16DB8C-2D07-4491-A56A-1613FB21F87F}" dt="2023-01-25T10:30:53.418" v="1568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9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3E16DB8C-2D07-4491-A56A-1613FB21F87F}" dt="2023-01-25T10:30:53.418" v="1569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0" v="1569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3E16DB8C-2D07-4491-A56A-1613FB21F87F}" dt="2023-01-25T10:30:53.430" v="1569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3E16DB8C-2D07-4491-A56A-1613FB21F87F}" dt="2023-01-25T10:30:53.435" v="1570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3E16DB8C-2D07-4491-A56A-1613FB21F87F}" dt="2023-01-25T10:30:53.435" v="1570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3E16DB8C-2D07-4491-A56A-1613FB21F87F}" dt="2023-01-25T10:30:53.435" v="1570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0" v="1571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3E16DB8C-2D07-4491-A56A-1613FB21F87F}" dt="2023-01-25T10:30:53.460" v="1571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0AB87278-7B9C-4920-9FCB-FE0288CF147C}"/>
    <pc:docChg chg="undo custSel addSld delSld modSld modMainMaster">
      <pc:chgData name="Sorour Falahati" userId="8955ae62-45ff-43c9-8c3d-6aad30f36d67" providerId="ADAL" clId="{0AB87278-7B9C-4920-9FCB-FE0288CF147C}" dt="2023-05-16T16:54:17.026" v="7339" actId="14100"/>
      <pc:docMkLst>
        <pc:docMk/>
      </pc:docMkLst>
      <pc:sldChg chg="addSp delSp modSp add mod">
        <pc:chgData name="Sorour Falahati" userId="8955ae62-45ff-43c9-8c3d-6aad30f36d67" providerId="ADAL" clId="{0AB87278-7B9C-4920-9FCB-FE0288CF147C}" dt="2023-05-12T18:14:58.053" v="4808" actId="338"/>
        <pc:sldMkLst>
          <pc:docMk/>
          <pc:sldMk cId="1921334400" sldId="289"/>
        </pc:sldMkLst>
        <pc:spChg chg="add 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2" creationId="{0E4B3F98-D7D0-EAC7-8FC1-7FD375881045}"/>
          </ac:spMkLst>
        </pc:spChg>
        <pc:spChg chg="del">
          <ac:chgData name="Sorour Falahati" userId="8955ae62-45ff-43c9-8c3d-6aad30f36d67" providerId="ADAL" clId="{0AB87278-7B9C-4920-9FCB-FE0288CF147C}" dt="2023-05-12T16:45:59.602" v="428" actId="478"/>
          <ac:spMkLst>
            <pc:docMk/>
            <pc:sldMk cId="1921334400" sldId="289"/>
            <ac:spMk id="6" creationId="{66883A14-D3A8-672A-C6BD-B2E6FFE0D28B}"/>
          </ac:spMkLst>
        </pc:spChg>
        <pc:spChg chg="add del mod">
          <ac:chgData name="Sorour Falahati" userId="8955ae62-45ff-43c9-8c3d-6aad30f36d67" providerId="ADAL" clId="{0AB87278-7B9C-4920-9FCB-FE0288CF147C}" dt="2023-05-12T16:52:10.359" v="857" actId="478"/>
          <ac:spMkLst>
            <pc:docMk/>
            <pc:sldMk cId="1921334400" sldId="289"/>
            <ac:spMk id="10" creationId="{B56672FF-C83A-AE4D-B4BE-D2D8CF97E934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14" creationId="{75F0EB21-05B8-CC81-DB68-B48ED6770706}"/>
          </ac:spMkLst>
        </pc:spChg>
        <pc:spChg chg="mod">
          <ac:chgData name="Sorour Falahati" userId="8955ae62-45ff-43c9-8c3d-6aad30f36d67" providerId="ADAL" clId="{0AB87278-7B9C-4920-9FCB-FE0288CF147C}" dt="2023-05-12T16:48:03.611" v="689" actId="1035"/>
          <ac:spMkLst>
            <pc:docMk/>
            <pc:sldMk cId="1921334400" sldId="289"/>
            <ac:spMk id="17" creationId="{437D6597-A113-C916-621A-D0321CAFD9E2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9" creationId="{C40BFD8A-6394-CBE2-ABA2-EDECCA53B97B}"/>
          </ac:spMkLst>
        </pc:spChg>
        <pc:spChg chg="del">
          <ac:chgData name="Sorour Falahati" userId="8955ae62-45ff-43c9-8c3d-6aad30f36d67" providerId="ADAL" clId="{0AB87278-7B9C-4920-9FCB-FE0288CF147C}" dt="2023-05-12T16:48:25.307" v="691" actId="478"/>
          <ac:spMkLst>
            <pc:docMk/>
            <pc:sldMk cId="1921334400" sldId="289"/>
            <ac:spMk id="21" creationId="{CBEE54E6-DF5E-867A-9EC2-E0FD8616345A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2" creationId="{2E97FF4F-78DB-F612-04B5-274AB43C1D4D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3" creationId="{4715BD18-F34A-771F-271A-205F92D6140A}"/>
          </ac:spMkLst>
        </pc:spChg>
        <pc:spChg chg="add del mod">
          <ac:chgData name="Sorour Falahati" userId="8955ae62-45ff-43c9-8c3d-6aad30f36d67" providerId="ADAL" clId="{0AB87278-7B9C-4920-9FCB-FE0288CF147C}" dt="2023-05-12T16:52:54.684" v="867" actId="478"/>
          <ac:spMkLst>
            <pc:docMk/>
            <pc:sldMk cId="1921334400" sldId="289"/>
            <ac:spMk id="24" creationId="{E891BE37-13B0-3575-6288-FDF16DA188B8}"/>
          </ac:spMkLst>
        </pc:spChg>
        <pc:spChg chg="add del mod">
          <ac:chgData name="Sorour Falahati" userId="8955ae62-45ff-43c9-8c3d-6aad30f36d67" providerId="ADAL" clId="{0AB87278-7B9C-4920-9FCB-FE0288CF147C}" dt="2023-05-12T16:55:55.838" v="1192" actId="478"/>
          <ac:spMkLst>
            <pc:docMk/>
            <pc:sldMk cId="1921334400" sldId="289"/>
            <ac:spMk id="25" creationId="{C5BE36CC-BEA3-FE9B-B9D1-B6ACF3C8B5B5}"/>
          </ac:spMkLst>
        </pc:spChg>
        <pc:spChg chg="del mod">
          <ac:chgData name="Sorour Falahati" userId="8955ae62-45ff-43c9-8c3d-6aad30f36d67" providerId="ADAL" clId="{0AB87278-7B9C-4920-9FCB-FE0288CF147C}" dt="2023-05-12T16:55:49.680" v="1190" actId="478"/>
          <ac:spMkLst>
            <pc:docMk/>
            <pc:sldMk cId="1921334400" sldId="289"/>
            <ac:spMk id="33" creationId="{C9E8ABE2-8D42-A046-BCC0-1D12B17082E9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34" creationId="{BB4E8733-4570-BE09-88F6-01C67A963160}"/>
          </ac:spMkLst>
        </pc:spChg>
        <pc:spChg chg="del mod">
          <ac:chgData name="Sorour Falahati" userId="8955ae62-45ff-43c9-8c3d-6aad30f36d67" providerId="ADAL" clId="{0AB87278-7B9C-4920-9FCB-FE0288CF147C}" dt="2023-05-12T16:56:22.812" v="1202" actId="478"/>
          <ac:spMkLst>
            <pc:docMk/>
            <pc:sldMk cId="1921334400" sldId="289"/>
            <ac:spMk id="38" creationId="{3A53A450-8F3A-848F-96C5-0FCD2E8F8121}"/>
          </ac:spMkLst>
        </pc:spChg>
        <pc:spChg chg="mod">
          <ac:chgData name="Sorour Falahati" userId="8955ae62-45ff-43c9-8c3d-6aad30f36d67" providerId="ADAL" clId="{0AB87278-7B9C-4920-9FCB-FE0288CF147C}" dt="2023-05-12T16:55:04.304" v="1029"/>
          <ac:spMkLst>
            <pc:docMk/>
            <pc:sldMk cId="1921334400" sldId="289"/>
            <ac:spMk id="39" creationId="{1F33C774-2FDE-1D20-AF4C-DADD1BEA53C3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3" creationId="{14F53E02-F6DC-3863-23FE-81A3B38BFF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4" creationId="{A6D3073F-3A1E-0998-8573-1798B4830949}"/>
          </ac:spMkLst>
        </pc:spChg>
        <pc:spChg chg="add del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8" creationId="{DCEA9C12-AB2A-E9FF-355A-E3D43E746D85}"/>
          </ac:spMkLst>
        </pc:spChg>
        <pc:spChg chg="del mod">
          <ac:chgData name="Sorour Falahati" userId="8955ae62-45ff-43c9-8c3d-6aad30f36d67" providerId="ADAL" clId="{0AB87278-7B9C-4920-9FCB-FE0288CF147C}" dt="2023-05-12T16:59:01.843" v="1233" actId="478"/>
          <ac:spMkLst>
            <pc:docMk/>
            <pc:sldMk cId="1921334400" sldId="289"/>
            <ac:spMk id="49" creationId="{BCFCD447-F397-2C11-C0A4-57AB7BE75ED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53" creationId="{F298E528-D1A4-47D3-31A6-6F3E481DE358}"/>
          </ac:spMkLst>
        </pc:spChg>
        <pc:spChg chg="del mod">
          <ac:chgData name="Sorour Falahati" userId="8955ae62-45ff-43c9-8c3d-6aad30f36d67" providerId="ADAL" clId="{0AB87278-7B9C-4920-9FCB-FE0288CF147C}" dt="2023-05-12T16:56:59.347" v="1207" actId="478"/>
          <ac:spMkLst>
            <pc:docMk/>
            <pc:sldMk cId="1921334400" sldId="289"/>
            <ac:spMk id="54" creationId="{E37CB376-1259-8788-6D3E-3F6C678F40EA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76" creationId="{35E39C05-3CCB-31D2-BC60-0A0E748B161C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0" creationId="{627B8896-10BA-3E2B-EBF6-506B7400269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3" creationId="{27812904-DC89-F77A-CE3F-56D221164870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6" creationId="{1AE3D3EA-01FE-1552-5627-3862C4AE3A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9" creationId="{B1045088-AA0E-3D5E-9259-E2DEDE6D6137}"/>
          </ac:spMkLst>
        </pc:s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1" creationId="{5050EA62-D4A4-FD0B-399C-D70BF8047CA4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6:56:26.442" v="1204" actId="478"/>
          <ac:grpSpMkLst>
            <pc:docMk/>
            <pc:sldMk cId="1921334400" sldId="289"/>
            <ac:grpSpMk id="37" creationId="{FF05AEAF-BE26-5186-40DA-58D1CB9F0069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2" creationId="{F67E53A6-B359-F231-16E5-00CFB399FA0F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62" creationId="{5236B71A-6A49-4F44-744C-8A555FE99D9B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63" creationId="{1217BD22-E780-6DEF-47BE-421356042414}"/>
          </ac:grpSpMkLst>
        </pc:grpChg>
        <pc:grpChg chg="add del mod">
          <ac:chgData name="Sorour Falahati" userId="8955ae62-45ff-43c9-8c3d-6aad30f36d67" providerId="ADAL" clId="{0AB87278-7B9C-4920-9FCB-FE0288CF147C}" dt="2023-05-12T17:04:41.110" v="1536"/>
          <ac:grpSpMkLst>
            <pc:docMk/>
            <pc:sldMk cId="1921334400" sldId="289"/>
            <ac:grpSpMk id="67" creationId="{8438821B-6A0E-DFED-3A60-9FF6FC73FFDE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71" creationId="{1B73764C-EBC4-3FAD-D913-E042210633EE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5" creationId="{99546550-D2DB-BC4A-8648-DE57F53D9B6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8" creationId="{10160713-FA67-3739-D7B7-5E4BEF93176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9" creationId="{61F53D42-6369-8C22-E0A2-EE16201B899C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2" creationId="{1AE9C5CA-1AAE-6562-A0BE-C7C6EA7373F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5" creationId="{85BDAEA6-3710-BAB8-5F00-D26D9CF6637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8" creationId="{E65CE93F-F308-BC33-B42F-10711442EDD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2" creationId="{157A578F-D7D4-4FBF-9FD3-72FE9589594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3" creationId="{25DDECA1-F49A-D90A-4981-02F471D08D3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4" creationId="{FF832BB3-FEF5-BA28-7A1D-6D4131092F8D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5" creationId="{98A59622-E095-837F-8922-73C51460DDF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6" creationId="{10415469-150A-9B96-23C1-CBBED9098B4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7" creationId="{0C2C0247-94F4-EEF9-C0DA-5FEDB4249DD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8" creationId="{AE2D368E-BF62-E94A-2986-02E80CE1E7A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9" creationId="{EC5F8858-3C9A-786D-7590-8E5672E95DB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0" creationId="{6DD2BF33-0E30-6F7D-B086-ADDF633331E1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1" creationId="{A0B44C47-B414-F9B6-2BDA-8C803CBE4438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2" creationId="{E26B2BD7-C446-70A5-CAE1-7D5D8B328FF7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3" creationId="{5DEC028E-A279-E3EC-4DAE-5EEE581B5A27}"/>
          </ac:grpSpMkLst>
        </pc:grpChg>
        <pc:graphicFrameChg chg="modGraphic">
          <ac:chgData name="Sorour Falahati" userId="8955ae62-45ff-43c9-8c3d-6aad30f36d67" providerId="ADAL" clId="{0AB87278-7B9C-4920-9FCB-FE0288CF147C}" dt="2023-05-12T16:54:17.334" v="960" actId="14734"/>
          <ac:graphicFrameMkLst>
            <pc:docMk/>
            <pc:sldMk cId="1921334400" sldId="289"/>
            <ac:graphicFrameMk id="4" creationId="{14217183-6E8D-4C64-082C-4C044205956D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49:46.189" v="696"/>
          <ac:graphicFrameMkLst>
            <pc:docMk/>
            <pc:sldMk cId="1921334400" sldId="289"/>
            <ac:graphicFrameMk id="7" creationId="{CC2193EE-EEAA-BCF2-FCB2-CACB4CB4FAC6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59:08.406" v="1237"/>
          <ac:graphicFrameMkLst>
            <pc:docMk/>
            <pc:sldMk cId="1921334400" sldId="289"/>
            <ac:graphicFrameMk id="15" creationId="{AF923E71-5BE8-79C7-AFA6-99CA76C933EA}"/>
          </ac:graphicFrameMkLst>
        </pc:graphicFrameChg>
        <pc:graphicFrameChg chg="del">
          <ac:chgData name="Sorour Falahati" userId="8955ae62-45ff-43c9-8c3d-6aad30f36d67" providerId="ADAL" clId="{0AB87278-7B9C-4920-9FCB-FE0288CF147C}" dt="2023-05-12T16:48:23.510" v="690" actId="478"/>
          <ac:graphicFrameMkLst>
            <pc:docMk/>
            <pc:sldMk cId="1921334400" sldId="289"/>
            <ac:graphicFrameMk id="20" creationId="{9C9115F2-DB25-631E-A78E-A3FD0F3CE026}"/>
          </ac:graphicFrameMkLst>
        </pc:graphicFrameChg>
        <pc:cxnChg chg="del">
          <ac:chgData name="Sorour Falahati" userId="8955ae62-45ff-43c9-8c3d-6aad30f36d67" providerId="ADAL" clId="{0AB87278-7B9C-4920-9FCB-FE0288CF147C}" dt="2023-05-12T16:45:57.998" v="427" actId="478"/>
          <ac:cxnSpMkLst>
            <pc:docMk/>
            <pc:sldMk cId="1921334400" sldId="289"/>
            <ac:cxnSpMk id="5" creationId="{160B6AD0-A472-23AE-6BCD-88622AD8215E}"/>
          </ac:cxnSpMkLst>
        </pc:cxnChg>
        <pc:cxnChg chg="add mod">
          <ac:chgData name="Sorour Falahati" userId="8955ae62-45ff-43c9-8c3d-6aad30f36d67" providerId="ADAL" clId="{0AB87278-7B9C-4920-9FCB-FE0288CF147C}" dt="2023-05-12T16:47:44.457" v="522" actId="1037"/>
          <ac:cxnSpMkLst>
            <pc:docMk/>
            <pc:sldMk cId="1921334400" sldId="289"/>
            <ac:cxnSpMk id="8" creationId="{276DB4B2-0B8B-4993-3314-5060C2BF9894}"/>
          </ac:cxnSpMkLst>
        </pc:cxnChg>
        <pc:cxnChg chg="add mod">
          <ac:chgData name="Sorour Falahati" userId="8955ae62-45ff-43c9-8c3d-6aad30f36d67" providerId="ADAL" clId="{0AB87278-7B9C-4920-9FCB-FE0288CF147C}" dt="2023-05-12T16:47:58.317" v="683" actId="1037"/>
          <ac:cxnSpMkLst>
            <pc:docMk/>
            <pc:sldMk cId="1921334400" sldId="289"/>
            <ac:cxnSpMk id="9" creationId="{38F3F116-9E3F-0946-1AF7-BC8F67F65BC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3" creationId="{E5FB778B-B239-0A2E-72F2-0F2E4C46EFEF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27" creationId="{5B7DAB04-FEE0-9DB6-4429-3A10E7D4A4B7}"/>
          </ac:cxnSpMkLst>
        </pc:cxnChg>
        <pc:cxnChg chg="add del mod">
          <ac:chgData name="Sorour Falahati" userId="8955ae62-45ff-43c9-8c3d-6aad30f36d67" providerId="ADAL" clId="{0AB87278-7B9C-4920-9FCB-FE0288CF147C}" dt="2023-05-12T16:55:58.305" v="1193" actId="478"/>
          <ac:cxnSpMkLst>
            <pc:docMk/>
            <pc:sldMk cId="1921334400" sldId="289"/>
            <ac:cxnSpMk id="29" creationId="{6026CFF2-74B8-46D2-CBFD-F46D74F61CD3}"/>
          </ac:cxnSpMkLst>
        </pc:cxnChg>
        <pc:cxnChg chg="del mod">
          <ac:chgData name="Sorour Falahati" userId="8955ae62-45ff-43c9-8c3d-6aad30f36d67" providerId="ADAL" clId="{0AB87278-7B9C-4920-9FCB-FE0288CF147C}" dt="2023-05-12T16:55:51.628" v="1191" actId="478"/>
          <ac:cxnSpMkLst>
            <pc:docMk/>
            <pc:sldMk cId="1921334400" sldId="289"/>
            <ac:cxnSpMk id="35" creationId="{A96BF582-F8E1-EB7D-0445-4E63BB9378D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36" creationId="{75383BF1-DE6C-7F80-B2F8-2918104091E1}"/>
          </ac:cxnSpMkLst>
        </pc:cxnChg>
        <pc:cxnChg chg="del mod">
          <ac:chgData name="Sorour Falahati" userId="8955ae62-45ff-43c9-8c3d-6aad30f36d67" providerId="ADAL" clId="{0AB87278-7B9C-4920-9FCB-FE0288CF147C}" dt="2023-05-12T16:56:25.432" v="1203" actId="478"/>
          <ac:cxnSpMkLst>
            <pc:docMk/>
            <pc:sldMk cId="1921334400" sldId="289"/>
            <ac:cxnSpMk id="40" creationId="{9A2E7761-397F-D681-A77D-0E42FC05407A}"/>
          </ac:cxnSpMkLst>
        </pc:cxnChg>
        <pc:cxnChg chg="mod">
          <ac:chgData name="Sorour Falahati" userId="8955ae62-45ff-43c9-8c3d-6aad30f36d67" providerId="ADAL" clId="{0AB87278-7B9C-4920-9FCB-FE0288CF147C}" dt="2023-05-12T16:55:04.304" v="1029"/>
          <ac:cxnSpMkLst>
            <pc:docMk/>
            <pc:sldMk cId="1921334400" sldId="289"/>
            <ac:cxnSpMk id="41" creationId="{576DF751-D889-2330-0CCC-FB69893EFAC2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5" creationId="{285BCA9A-E803-26DD-75FB-57D2C733814B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6" creationId="{B0290CEC-53FC-672E-7DEA-1E010902AFB9}"/>
          </ac:cxnSpMkLst>
        </pc:cxnChg>
        <pc:cxnChg chg="add del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0" creationId="{6F383143-82B4-EB67-99C9-2FDF4922ED93}"/>
          </ac:cxnSpMkLst>
        </pc:cxnChg>
        <pc:cxnChg chg="del mod">
          <ac:chgData name="Sorour Falahati" userId="8955ae62-45ff-43c9-8c3d-6aad30f36d67" providerId="ADAL" clId="{0AB87278-7B9C-4920-9FCB-FE0288CF147C}" dt="2023-05-12T16:59:03.817" v="1234" actId="478"/>
          <ac:cxnSpMkLst>
            <pc:docMk/>
            <pc:sldMk cId="1921334400" sldId="289"/>
            <ac:cxnSpMk id="51" creationId="{8FD927E9-CD8C-A327-99FC-B1AF8A5ABFE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5" creationId="{B95D892B-5389-AF50-5E4F-1AB54E7830C7}"/>
          </ac:cxnSpMkLst>
        </pc:cxnChg>
        <pc:cxnChg chg="del mod">
          <ac:chgData name="Sorour Falahati" userId="8955ae62-45ff-43c9-8c3d-6aad30f36d67" providerId="ADAL" clId="{0AB87278-7B9C-4920-9FCB-FE0288CF147C}" dt="2023-05-12T16:57:01.372" v="1208" actId="478"/>
          <ac:cxnSpMkLst>
            <pc:docMk/>
            <pc:sldMk cId="1921334400" sldId="289"/>
            <ac:cxnSpMk id="56" creationId="{9DB9F720-7072-867F-04D3-A27D36066683}"/>
          </ac:cxnSpMkLst>
        </pc:cxnChg>
        <pc:cxnChg chg="add mod">
          <ac:chgData name="Sorour Falahati" userId="8955ae62-45ff-43c9-8c3d-6aad30f36d67" providerId="ADAL" clId="{0AB87278-7B9C-4920-9FCB-FE0288CF147C}" dt="2023-05-12T17:03:09.236" v="1440" actId="1036"/>
          <ac:cxnSpMkLst>
            <pc:docMk/>
            <pc:sldMk cId="1921334400" sldId="289"/>
            <ac:cxnSpMk id="58" creationId="{3B340948-FEC3-A499-1359-189115CA55B1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59" creationId="{BA857CFF-2BF4-4604-1C3C-92F1C2202AAF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4" creationId="{8D0012F4-8159-1F1C-1CB2-5940FF70996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5" creationId="{E68E3308-AFB3-0B4D-DA65-007B62AA18D7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6" creationId="{39C5996A-B740-3E29-4A60-E6902FD8A402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8" creationId="{91632B4B-856C-9BBC-5899-20011B4005F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9" creationId="{AD2C190A-F3EB-6901-53A6-C46E04FE6F1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70" creationId="{A887D5C7-404B-D057-1C6F-86840D4C02BE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2" creationId="{EDBA11DF-DC11-2B56-83A4-BD3E84BD6F1C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3" creationId="{0BF5EFA6-2942-02A8-9B36-67A8F1CFFD2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4" creationId="{BE1DCD9A-A5EC-6689-8C8E-1A7B7DE278FD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77" creationId="{93261AD1-ABD7-62B3-9A83-E87F7ECE58F5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1" creationId="{C147EAE8-B4FB-7876-E1FA-100C2A381C7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4" creationId="{9A1187B5-0A00-2CBB-5BA1-EFBF942AF10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7" creationId="{532155EF-D285-13BD-7564-13B516F495B3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90" creationId="{2324F0C9-5DAE-7D45-3207-0EFCC09B50E7}"/>
          </ac:cxnSpMkLst>
        </pc:cxnChg>
        <pc:cxnChg chg="add mod">
          <ac:chgData name="Sorour Falahati" userId="8955ae62-45ff-43c9-8c3d-6aad30f36d67" providerId="ADAL" clId="{0AB87278-7B9C-4920-9FCB-FE0288CF147C}" dt="2023-05-12T17:09:27.075" v="2164" actId="1037"/>
          <ac:cxnSpMkLst>
            <pc:docMk/>
            <pc:sldMk cId="1921334400" sldId="289"/>
            <ac:cxnSpMk id="91" creationId="{D99B6186-FF41-44E5-3E41-71434C87C666}"/>
          </ac:cxnSpMkLst>
        </pc:cxnChg>
      </pc:sldChg>
      <pc:sldChg chg="modSp mod">
        <pc:chgData name="Sorour Falahati" userId="8955ae62-45ff-43c9-8c3d-6aad30f36d67" providerId="ADAL" clId="{0AB87278-7B9C-4920-9FCB-FE0288CF147C}" dt="2023-05-12T16:40:02.114" v="335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0AB87278-7B9C-4920-9FCB-FE0288CF147C}" dt="2023-05-12T16:40:02.114" v="335" actId="20577"/>
          <ac:spMkLst>
            <pc:docMk/>
            <pc:sldMk cId="3801232438" sldId="322"/>
            <ac:spMk id="2" creationId="{FC0112F8-BA55-493D-9268-3CD81DF9583F}"/>
          </ac:spMkLst>
        </pc:spChg>
      </pc:sldChg>
      <pc:sldChg chg="modSp mod">
        <pc:chgData name="Sorour Falahati" userId="8955ae62-45ff-43c9-8c3d-6aad30f36d67" providerId="ADAL" clId="{0AB87278-7B9C-4920-9FCB-FE0288CF147C}" dt="2023-05-12T16:40:13.419" v="342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0AB87278-7B9C-4920-9FCB-FE0288CF147C}" dt="2023-05-12T16:40:13.419" v="342" actId="20577"/>
          <ac:spMkLst>
            <pc:docMk/>
            <pc:sldMk cId="96551546" sldId="2147374197"/>
            <ac:spMk id="2" creationId="{6B5A3DD6-E57B-5872-7B6B-A0BAF0BC099A}"/>
          </ac:spMkLst>
        </pc:spChg>
      </pc:sldChg>
      <pc:sldChg chg="addSp delSp modSp mod">
        <pc:chgData name="Sorour Falahati" userId="8955ae62-45ff-43c9-8c3d-6aad30f36d67" providerId="ADAL" clId="{0AB87278-7B9C-4920-9FCB-FE0288CF147C}" dt="2023-05-16T16:25:37.014" v="6434" actId="20577"/>
        <pc:sldMkLst>
          <pc:docMk/>
          <pc:sldMk cId="1635178608" sldId="2147374199"/>
        </pc:sldMkLst>
        <pc:spChg chg="mod">
          <ac:chgData name="Sorour Falahati" userId="8955ae62-45ff-43c9-8c3d-6aad30f36d67" providerId="ADAL" clId="{0AB87278-7B9C-4920-9FCB-FE0288CF147C}" dt="2023-05-16T16:25:37.014" v="6434" actId="20577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0AB87278-7B9C-4920-9FCB-FE0288CF147C}" dt="2023-05-16T16:25:00.373" v="6422" actId="113"/>
          <ac:spMkLst>
            <pc:docMk/>
            <pc:sldMk cId="1635178608" sldId="2147374199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0AB87278-7B9C-4920-9FCB-FE0288CF147C}" dt="2023-05-16T16:25:05.354" v="6424" actId="1035"/>
          <ac:picMkLst>
            <pc:docMk/>
            <pc:sldMk cId="1635178608" sldId="2147374199"/>
            <ac:picMk id="4" creationId="{4A8D70E7-7894-ABFE-DBB1-DEB6FD9FA7EF}"/>
          </ac:picMkLst>
        </pc:picChg>
        <pc:picChg chg="del">
          <ac:chgData name="Sorour Falahati" userId="8955ae62-45ff-43c9-8c3d-6aad30f36d67" providerId="ADAL" clId="{0AB87278-7B9C-4920-9FCB-FE0288CF147C}" dt="2023-05-16T12:43:51.249" v="5372" actId="478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mod modClrScheme chgLayout">
        <pc:chgData name="Sorour Falahati" userId="8955ae62-45ff-43c9-8c3d-6aad30f36d67" providerId="ADAL" clId="{0AB87278-7B9C-4920-9FCB-FE0288CF147C}" dt="2023-05-16T16:54:17.026" v="7339" actId="14100"/>
        <pc:sldMkLst>
          <pc:docMk/>
          <pc:sldMk cId="3957370297" sldId="2147374202"/>
        </pc:sldMkLst>
        <pc:spChg chg="mod ord">
          <ac:chgData name="Sorour Falahati" userId="8955ae62-45ff-43c9-8c3d-6aad30f36d67" providerId="ADAL" clId="{0AB87278-7B9C-4920-9FCB-FE0288CF147C}" dt="2023-05-16T16:49:15.289" v="7136" actId="27636"/>
          <ac:spMkLst>
            <pc:docMk/>
            <pc:sldMk cId="3957370297" sldId="2147374202"/>
            <ac:spMk id="2" creationId="{398F1E1F-20F0-B380-756A-2B56E7BC4D83}"/>
          </ac:spMkLst>
        </pc:spChg>
        <pc:spChg chg="add del mod">
          <ac:chgData name="Sorour Falahati" userId="8955ae62-45ff-43c9-8c3d-6aad30f36d67" providerId="ADAL" clId="{0AB87278-7B9C-4920-9FCB-FE0288CF147C}" dt="2023-05-16T16:49:15.280" v="7135" actId="700"/>
          <ac:spMkLst>
            <pc:docMk/>
            <pc:sldMk cId="3957370297" sldId="2147374202"/>
            <ac:spMk id="4" creationId="{2A01D279-065B-B346-1AAF-A61C1F7BECDD}"/>
          </ac:spMkLst>
        </pc:spChg>
        <pc:spChg chg="del">
          <ac:chgData name="Sorour Falahati" userId="8955ae62-45ff-43c9-8c3d-6aad30f36d67" providerId="ADAL" clId="{0AB87278-7B9C-4920-9FCB-FE0288CF147C}" dt="2023-05-16T16:49:09.339" v="7134" actId="478"/>
          <ac:spMkLst>
            <pc:docMk/>
            <pc:sldMk cId="3957370297" sldId="2147374202"/>
            <ac:spMk id="6" creationId="{86A906E4-1835-21DF-DA83-CF841EC4DDD5}"/>
          </ac:spMkLst>
        </pc:spChg>
        <pc:spChg chg="mod ord">
          <ac:chgData name="Sorour Falahati" userId="8955ae62-45ff-43c9-8c3d-6aad30f36d67" providerId="ADAL" clId="{0AB87278-7B9C-4920-9FCB-FE0288CF147C}" dt="2023-05-16T16:54:17.026" v="7339" actId="14100"/>
          <ac:spMkLst>
            <pc:docMk/>
            <pc:sldMk cId="3957370297" sldId="2147374202"/>
            <ac:spMk id="9" creationId="{0ABF8838-5AE1-52EE-8907-0C120EB29799}"/>
          </ac:spMkLst>
        </pc:spChg>
        <pc:graphicFrameChg chg="del modGraphic">
          <ac:chgData name="Sorour Falahati" userId="8955ae62-45ff-43c9-8c3d-6aad30f36d67" providerId="ADAL" clId="{0AB87278-7B9C-4920-9FCB-FE0288CF147C}" dt="2023-05-16T12:43:23.698" v="5369" actId="478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picChg chg="mod">
          <ac:chgData name="Sorour Falahati" userId="8955ae62-45ff-43c9-8c3d-6aad30f36d67" providerId="ADAL" clId="{0AB87278-7B9C-4920-9FCB-FE0288CF147C}" dt="2023-05-16T16:53:20.389" v="7282" actId="1036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addSp delSp modSp mod">
        <pc:chgData name="Sorour Falahati" userId="8955ae62-45ff-43c9-8c3d-6aad30f36d67" providerId="ADAL" clId="{0AB87278-7B9C-4920-9FCB-FE0288CF147C}" dt="2023-05-16T16:48:28.147" v="7132" actId="1035"/>
        <pc:sldMkLst>
          <pc:docMk/>
          <pc:sldMk cId="641795527" sldId="2147374203"/>
        </pc:sldMkLst>
        <pc:spChg chg="add mod">
          <ac:chgData name="Sorour Falahati" userId="8955ae62-45ff-43c9-8c3d-6aad30f36d67" providerId="ADAL" clId="{0AB87278-7B9C-4920-9FCB-FE0288CF147C}" dt="2023-05-16T16:48:23.489" v="7127" actId="1036"/>
          <ac:spMkLst>
            <pc:docMk/>
            <pc:sldMk cId="641795527" sldId="2147374203"/>
            <ac:spMk id="5" creationId="{EC3D6B53-FB3B-5FBB-F2EF-839F458DB013}"/>
          </ac:spMkLst>
        </pc:spChg>
        <pc:spChg chg="mod">
          <ac:chgData name="Sorour Falahati" userId="8955ae62-45ff-43c9-8c3d-6aad30f36d67" providerId="ADAL" clId="{0AB87278-7B9C-4920-9FCB-FE0288CF147C}" dt="2023-05-16T16:35:48.338" v="6442" actId="20577"/>
          <ac:spMkLst>
            <pc:docMk/>
            <pc:sldMk cId="641795527" sldId="214737420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0AB87278-7B9C-4920-9FCB-FE0288CF147C}" dt="2023-05-16T16:48:28.147" v="7132" actId="1035"/>
          <ac:spMkLst>
            <pc:docMk/>
            <pc:sldMk cId="641795527" sldId="2147374203"/>
            <ac:spMk id="7" creationId="{34E7B595-A139-35F9-37C7-3C954AFC2A70}"/>
          </ac:spMkLst>
        </pc:spChg>
        <pc:spChg chg="mod">
          <ac:chgData name="Sorour Falahati" userId="8955ae62-45ff-43c9-8c3d-6aad30f36d67" providerId="ADAL" clId="{0AB87278-7B9C-4920-9FCB-FE0288CF147C}" dt="2023-05-16T16:47:21.579" v="7051" actId="20577"/>
          <ac:spMkLst>
            <pc:docMk/>
            <pc:sldMk cId="641795527" sldId="2147374203"/>
            <ac:spMk id="9" creationId="{0ABF8838-5AE1-52EE-8907-0C120EB29799}"/>
          </ac:spMkLst>
        </pc:spChg>
        <pc:spChg chg="add mod">
          <ac:chgData name="Sorour Falahati" userId="8955ae62-45ff-43c9-8c3d-6aad30f36d67" providerId="ADAL" clId="{0AB87278-7B9C-4920-9FCB-FE0288CF147C}" dt="2023-05-16T16:47:53.494" v="7102" actId="1035"/>
          <ac:spMkLst>
            <pc:docMk/>
            <pc:sldMk cId="641795527" sldId="2147374203"/>
            <ac:spMk id="12" creationId="{1AB9E69B-076B-2169-18CB-6BF2D78D0D50}"/>
          </ac:spMkLst>
        </pc:spChg>
        <pc:graphicFrameChg chg="add mod modGraphic">
          <ac:chgData name="Sorour Falahati" userId="8955ae62-45ff-43c9-8c3d-6aad30f36d67" providerId="ADAL" clId="{0AB87278-7B9C-4920-9FCB-FE0288CF147C}" dt="2023-05-16T16:47:59.828" v="7104" actId="404"/>
          <ac:graphicFrameMkLst>
            <pc:docMk/>
            <pc:sldMk cId="641795527" sldId="2147374203"/>
            <ac:graphicFrameMk id="11" creationId="{3172B23A-D058-5E98-A4D2-540D61810F08}"/>
          </ac:graphicFrameMkLst>
        </pc:graphicFrameChg>
        <pc:picChg chg="add mod">
          <ac:chgData name="Sorour Falahati" userId="8955ae62-45ff-43c9-8c3d-6aad30f36d67" providerId="ADAL" clId="{0AB87278-7B9C-4920-9FCB-FE0288CF147C}" dt="2023-05-16T16:48:20.075" v="7114" actId="1035"/>
          <ac:picMkLst>
            <pc:docMk/>
            <pc:sldMk cId="641795527" sldId="2147374203"/>
            <ac:picMk id="3" creationId="{999A6820-7465-9E16-FCDC-C9079081298D}"/>
          </ac:picMkLst>
        </pc:picChg>
        <pc:picChg chg="add mod">
          <ac:chgData name="Sorour Falahati" userId="8955ae62-45ff-43c9-8c3d-6aad30f36d67" providerId="ADAL" clId="{0AB87278-7B9C-4920-9FCB-FE0288CF147C}" dt="2023-05-16T16:48:25.747" v="7130" actId="1036"/>
          <ac:picMkLst>
            <pc:docMk/>
            <pc:sldMk cId="641795527" sldId="2147374203"/>
            <ac:picMk id="4" creationId="{88AE281A-FDEA-2A38-4360-3428EA1A8933}"/>
          </ac:picMkLst>
        </pc:picChg>
        <pc:picChg chg="del">
          <ac:chgData name="Sorour Falahati" userId="8955ae62-45ff-43c9-8c3d-6aad30f36d67" providerId="ADAL" clId="{0AB87278-7B9C-4920-9FCB-FE0288CF147C}" dt="2023-05-16T16:35:14.347" v="6435" actId="478"/>
          <ac:picMkLst>
            <pc:docMk/>
            <pc:sldMk cId="641795527" sldId="2147374203"/>
            <ac:picMk id="8" creationId="{CCEBDD7A-5A69-2EA0-6E3D-72A1868B9177}"/>
          </ac:picMkLst>
        </pc:picChg>
        <pc:picChg chg="del">
          <ac:chgData name="Sorour Falahati" userId="8955ae62-45ff-43c9-8c3d-6aad30f36d67" providerId="ADAL" clId="{0AB87278-7B9C-4920-9FCB-FE0288CF147C}" dt="2023-05-16T16:35:35.226" v="6438" actId="478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0AB87278-7B9C-4920-9FCB-FE0288CF147C}" dt="2023-05-12T16:40:18.453" v="343" actId="2696"/>
        <pc:sldMkLst>
          <pc:docMk/>
          <pc:sldMk cId="1006305227" sldId="2147374204"/>
        </pc:sldMkLst>
      </pc:sldChg>
      <pc:sldChg chg="modSp add mod">
        <pc:chgData name="Sorour Falahati" userId="8955ae62-45ff-43c9-8c3d-6aad30f36d67" providerId="ADAL" clId="{0AB87278-7B9C-4920-9FCB-FE0288CF147C}" dt="2023-05-12T16:41:05.601" v="345" actId="20577"/>
        <pc:sldMkLst>
          <pc:docMk/>
          <pc:sldMk cId="4038996066" sldId="2147374204"/>
        </pc:sldMkLst>
        <pc:spChg chg="mod">
          <ac:chgData name="Sorour Falahati" userId="8955ae62-45ff-43c9-8c3d-6aad30f36d67" providerId="ADAL" clId="{0AB87278-7B9C-4920-9FCB-FE0288CF147C}" dt="2023-05-12T16:41:05.601" v="345" actId="20577"/>
          <ac:spMkLst>
            <pc:docMk/>
            <pc:sldMk cId="4038996066" sldId="2147374204"/>
            <ac:spMk id="9" creationId="{0ABF8838-5AE1-52EE-8907-0C120EB29799}"/>
          </ac:spMkLst>
        </pc:spChg>
      </pc:sldChg>
      <pc:sldChg chg="addSp delSp modSp new mod">
        <pc:chgData name="Sorour Falahati" userId="8955ae62-45ff-43c9-8c3d-6aad30f36d67" providerId="ADAL" clId="{0AB87278-7B9C-4920-9FCB-FE0288CF147C}" dt="2023-05-14T21:01:58.921" v="5203" actId="164"/>
        <pc:sldMkLst>
          <pc:docMk/>
          <pc:sldMk cId="1828577344" sldId="2147374205"/>
        </pc:sldMkLst>
        <pc:spChg chg="mod">
          <ac:chgData name="Sorour Falahati" userId="8955ae62-45ff-43c9-8c3d-6aad30f36d67" providerId="ADAL" clId="{0AB87278-7B9C-4920-9FCB-FE0288CF147C}" dt="2023-05-14T20:57:58.059" v="4975" actId="338"/>
          <ac:spMkLst>
            <pc:docMk/>
            <pc:sldMk cId="1828577344" sldId="2147374205"/>
            <ac:spMk id="2" creationId="{D363458A-6F8A-1656-2C92-1C30C4404C1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" creationId="{D7012FDC-684D-9337-D092-7FAED97A3CA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7" creationId="{30589D9F-240D-8B8F-B2B9-C08D686F6EA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8" creationId="{5599A08B-14D6-E129-1DDB-8BB7F4DD02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" creationId="{0260772B-8B54-2C89-0CD5-FA527B4F69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" creationId="{DAD8C3EA-37D5-476F-2662-FC825DB636D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" creationId="{572E77CE-3B3F-0F52-8BD0-27989884DCD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" creationId="{31FF29DD-2949-9EDF-22CA-B7F314C5CB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" creationId="{3958A477-0C05-597E-5001-7A06F316380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" creationId="{74FF0467-E62B-702B-1857-24678EA91D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5" creationId="{7654B2C7-28CE-F313-7E92-CBE948FAE3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6" creationId="{53ADB5F5-57D5-1D0A-A6BF-7BD28AFB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7" creationId="{88CD3FAE-F6C1-B8EA-DACB-9CCC6A5AE5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8" creationId="{5DE848AC-E221-53F3-65E8-DB02677C8A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9" creationId="{FA2ED7CB-1776-AC80-2A5C-208444A75E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0" creationId="{BEB4DF47-1307-884F-FB9D-3DDBF346BBC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1" creationId="{6AF3F066-3E88-1D20-20DD-A84D0F3F708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2" creationId="{E431DFE5-6E60-63F5-E068-B43B3ACF1E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3" creationId="{8BE8E283-5F75-A50F-4909-D6FFD8373B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4" creationId="{FA006A5F-D482-F0D1-7CA2-C29DFCECA1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5" creationId="{E7BB70F4-66B6-86C2-6219-671C3B8B3A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6" creationId="{80622A9B-6607-60F8-F61B-28B1ECE3748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7" creationId="{5C7D3FB0-8EDB-E4F8-5527-4681CACFE9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8" creationId="{3034536D-E96A-C618-2CCD-711836C35E1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9" creationId="{4F5C1B08-169C-8DD1-777B-A2D6EA772C7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0" creationId="{8E053549-6A6F-2295-176F-F1F1FFA9C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1" creationId="{58F005DC-612B-FCBC-AD06-BC2F5EE8524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2" creationId="{BA207C7F-8C39-9550-11F7-4DD967625A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3" creationId="{80D5DA52-03A1-7FE9-D576-5273D9956F2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4" creationId="{FC4629A2-FE78-FE08-9448-B59CF9F28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5" creationId="{88B9B833-3B7D-D547-CFC3-E4C943831C1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6" creationId="{350406AF-E506-AF7D-9B1B-41F4A964982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7" creationId="{84D31BD0-613A-818F-D54D-1176385520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8" creationId="{F39C97BF-4F3B-C8FA-3EBC-182631BFE6C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9" creationId="{57B2157C-199E-6B52-B09C-54B4204354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0" creationId="{FC94E4FF-C369-0A84-A263-C4AE0B7D787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1" creationId="{6AC8F873-7CF3-75B0-17DE-17BC39BD5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2" creationId="{65992F40-1297-E61A-17F3-8DA55D38F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3" creationId="{53364EF3-1014-039C-88A2-C69AC7FC33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4" creationId="{39A044EA-D5AC-2ADD-7598-5A79A5AF684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5" creationId="{5647BE36-1B95-4D52-F5CB-A7E4B101D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6" creationId="{7180170E-FDCD-8D2D-5817-E4B1BAB5CE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7" creationId="{90D06ED6-5FA1-F5A6-11ED-DA6D13DA3B5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8" creationId="{E08676DD-4556-3C7E-96E5-3DD27628A88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9" creationId="{BA7AF52B-686B-5EC5-74D0-5AFD01E7C28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0" creationId="{DF4F2062-64F9-3DDE-0373-00D31CE4024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1" creationId="{39C4B51D-82A9-9862-214C-C3B1BB716F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2" creationId="{39A59AD7-0E0B-6973-EA8D-595D2A915A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3" creationId="{6AB125ED-A510-3930-927F-10D41C5D7A7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4" creationId="{CAF389BE-0D73-586E-8050-A907CBC70C1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5" creationId="{7BBBCE30-1771-6CA9-B205-60E9A488857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6" creationId="{1386B246-F642-7B25-C377-C7C9FCA113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7" creationId="{BA36D9B9-E3CC-19A7-24D6-7AE6B217B1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8" creationId="{4C78E777-1412-EA5F-86BF-85C08E9F73A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9" creationId="{7E124EAC-02EB-661E-1576-8F4252CAEB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0" creationId="{4AA059C8-4004-CA84-9257-0F53C10DD5B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1" creationId="{9472CDA3-DB07-E612-927D-CF60BE6599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2" creationId="{006C3799-9919-80A7-9F81-E1A3B222D8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3" creationId="{631DD1AC-0D17-9B76-C014-D881307DE5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4" creationId="{7CAD1BDE-CDE6-5CE7-9CDD-51100A4BDA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5" creationId="{43F88A5E-926B-DC1D-2168-AE2E8A15C0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6" creationId="{584C4C4D-1E87-621D-09FF-074511617E4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7" creationId="{DB939B82-17B7-0016-5F94-A19BE0D095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8" creationId="{7DDDF8FB-E0B5-EE4F-C9D8-5EB1DA0CB9A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9" creationId="{125FC59D-FDB3-A1C2-6462-F5EB58AA2D9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0" creationId="{F8FA4409-085F-8936-3FF1-32766BBEE64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1" creationId="{9EE0D920-42A1-E415-3820-13A21DD970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2" creationId="{38431DB4-D3B0-F73A-3B89-0CF20AE037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3" creationId="{6222642B-4EBB-1C6D-C743-5AB6C5187E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4" creationId="{6A7A0140-9086-96C8-8CD8-426966ED48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5" creationId="{97651610-3413-CB30-26AA-2A3AE7E0F8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6" creationId="{39ECB916-742D-797D-E563-CAF53F8946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7" creationId="{D8B79B18-A86D-1EF6-A799-3EC634E4963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8" creationId="{19A1E8C3-1F3F-3CDE-B169-9B776C44D7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9" creationId="{D296E4A0-E069-450C-94C2-EA536D1E19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0" creationId="{F4EE37C2-B1F5-7649-6300-3FC17C9D6CB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1" creationId="{197D4623-303D-D8E2-6873-F08A5F544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2" creationId="{FAC0A38C-1A31-741B-95F3-C7B928C781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3" creationId="{1F78F456-CF51-AE00-1D6F-4B3FCA6122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4" creationId="{6172E75C-EA4A-6B09-A925-562472C32D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5" creationId="{B725A931-72FB-9123-BA6E-70F3ABD255C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6" creationId="{F8EC308E-DB7A-12C3-F540-921333A1A5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7" creationId="{35093499-A996-701A-ADE9-5AB2823C31C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8" creationId="{F8F8C254-CBB0-E4FF-D7E3-50B1D730079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9" creationId="{A60A2F69-026A-201B-F2AA-4376D51C41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0" creationId="{13C5A994-217D-BE5C-3077-5F984A37A2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1" creationId="{E4FE51EF-53DD-EDD4-4E4E-9AE6FA2757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2" creationId="{E54A6BE9-9426-5C8A-681C-82BA9010916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3" creationId="{3DF483A7-F78F-F477-88EA-8F9B4703553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4" creationId="{42665A76-A8D4-A89F-092D-3172C708B6B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5" creationId="{5FF30380-3DBB-7C6E-B1AE-23BB850B00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6" creationId="{1C6096FA-341A-957C-D038-955E521BBA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7" creationId="{06480BB0-CEBF-DF18-48CC-A99A4C75647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8" creationId="{5D63E0F5-737B-CB0A-B80B-11C4FAFBF2E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9" creationId="{50906366-9D6F-4436-9C71-8D86E1BDE2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0" creationId="{92A1B5BD-7951-052E-8820-8B24BC1D4172}"/>
          </ac:spMkLst>
        </pc:spChg>
        <pc:spChg chg="del mod topLvl">
          <ac:chgData name="Sorour Falahati" userId="8955ae62-45ff-43c9-8c3d-6aad30f36d67" providerId="ADAL" clId="{0AB87278-7B9C-4920-9FCB-FE0288CF147C}" dt="2023-05-14T21:00:22.579" v="5051" actId="478"/>
          <ac:spMkLst>
            <pc:docMk/>
            <pc:sldMk cId="1828577344" sldId="2147374205"/>
            <ac:spMk id="101" creationId="{E3CA2378-E154-A167-22F4-16B58650BBA3}"/>
          </ac:spMkLst>
        </pc:spChg>
        <pc:spChg chg="del mod topLvl">
          <ac:chgData name="Sorour Falahati" userId="8955ae62-45ff-43c9-8c3d-6aad30f36d67" providerId="ADAL" clId="{0AB87278-7B9C-4920-9FCB-FE0288CF147C}" dt="2023-05-14T21:00:41.862" v="5058" actId="478"/>
          <ac:spMkLst>
            <pc:docMk/>
            <pc:sldMk cId="1828577344" sldId="2147374205"/>
            <ac:spMk id="102" creationId="{8C8BFC13-B778-578D-B284-B0355AE458BC}"/>
          </ac:spMkLst>
        </pc:spChg>
        <pc:spChg chg="del mod topLvl">
          <ac:chgData name="Sorour Falahati" userId="8955ae62-45ff-43c9-8c3d-6aad30f36d67" providerId="ADAL" clId="{0AB87278-7B9C-4920-9FCB-FE0288CF147C}" dt="2023-05-14T21:00:46.472" v="5060" actId="478"/>
          <ac:spMkLst>
            <pc:docMk/>
            <pc:sldMk cId="1828577344" sldId="2147374205"/>
            <ac:spMk id="103" creationId="{45D112F8-0B2B-B272-C74E-B942F0A23DC5}"/>
          </ac:spMkLst>
        </pc:spChg>
        <pc:spChg chg="del mod topLvl">
          <ac:chgData name="Sorour Falahati" userId="8955ae62-45ff-43c9-8c3d-6aad30f36d67" providerId="ADAL" clId="{0AB87278-7B9C-4920-9FCB-FE0288CF147C}" dt="2023-05-14T21:00:26.192" v="5052" actId="478"/>
          <ac:spMkLst>
            <pc:docMk/>
            <pc:sldMk cId="1828577344" sldId="2147374205"/>
            <ac:spMk id="104" creationId="{482BC1E8-7985-20E7-325C-11C60D37AD2B}"/>
          </ac:spMkLst>
        </pc:spChg>
        <pc:spChg chg="del mod topLvl">
          <ac:chgData name="Sorour Falahati" userId="8955ae62-45ff-43c9-8c3d-6aad30f36d67" providerId="ADAL" clId="{0AB87278-7B9C-4920-9FCB-FE0288CF147C}" dt="2023-05-14T21:00:31.580" v="5054" actId="478"/>
          <ac:spMkLst>
            <pc:docMk/>
            <pc:sldMk cId="1828577344" sldId="2147374205"/>
            <ac:spMk id="105" creationId="{2EECA431-73D5-77BA-F537-7C92B004CC66}"/>
          </ac:spMkLst>
        </pc:spChg>
        <pc:spChg chg="del mod topLvl">
          <ac:chgData name="Sorour Falahati" userId="8955ae62-45ff-43c9-8c3d-6aad30f36d67" providerId="ADAL" clId="{0AB87278-7B9C-4920-9FCB-FE0288CF147C}" dt="2023-05-14T21:00:38.179" v="5056" actId="478"/>
          <ac:spMkLst>
            <pc:docMk/>
            <pc:sldMk cId="1828577344" sldId="2147374205"/>
            <ac:spMk id="106" creationId="{52F38664-8731-AA1C-32F5-DC1A81FE0E6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7" creationId="{9B33EBC5-0BDF-9AA7-510C-3BA0034282D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8" creationId="{765B6207-4A72-8514-D5BE-F3C961CB5D9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9" creationId="{824234A1-5FC0-2BDB-1FC4-B2F755D369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0" creationId="{78C25D04-6C9D-EC1B-6A5B-E2A8D9FAFF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1" creationId="{0FED17A9-470B-4F60-42B6-8D760BBD833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2" creationId="{D1ABA9D3-FD27-3C78-C137-693B75D637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3" creationId="{6854372D-90E4-20BE-D647-6FBA68F3499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4" creationId="{9B5E0209-D72E-F4A6-BCEF-0629AAF07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5" creationId="{AC5AF1E5-7249-C4E8-2EB6-40C9384DDD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6" creationId="{D3B0936D-92FE-E412-2660-EF4070E66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7" creationId="{6711E19E-FA86-BC38-CA52-083BF0A081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8" creationId="{2218D874-547B-2942-2173-26D9155CE0E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9" creationId="{DFBBD8A9-6D1E-D9B1-19AE-2A2360019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0" creationId="{CD5F88A4-445C-408F-54CD-23FF3BC661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1" creationId="{22FFB5BF-B7FD-EDBC-534F-B507F5EE48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2" creationId="{D4C69A7B-D000-7A26-3161-E3D5FFE05B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3" creationId="{59B15DB9-EE8F-7F12-211C-34E3DE3DA2A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4" creationId="{7DCECC1C-6D65-5EC5-B344-0332FBC05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5" creationId="{2A866C23-CD74-A712-00B7-982169AB1ED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6" creationId="{54E793EF-355C-00BA-40A8-3F7CAC47168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7" creationId="{5F82CE3B-F051-6155-6165-37734F6AEF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0" creationId="{A9D5DA4D-C90B-6ADE-F223-89B85B3867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1" creationId="{1A18FA15-D23C-2B55-BA51-C1C2731078B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2" creationId="{C1E1E17C-A778-8679-2F94-4877F78C34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3" creationId="{C9B0DD24-B124-839F-5FAC-EA463F3383B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4" creationId="{AFC84BEA-E6D5-C475-F5E5-643B2AC59D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5" creationId="{50FA0E99-F981-39FB-39E2-7EEFEFEADF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6" creationId="{791DDEFE-A85F-5273-516C-6D7BEB6B64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7" creationId="{B6F630B3-E9CC-8FCD-0F18-B42DA11F44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8" creationId="{210EA12F-794E-AB4A-59F6-080855838C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9" creationId="{113262CE-52CC-E199-8E2D-DFDE0D12B93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0" creationId="{7B8A4BD3-0151-4065-89B8-D1B3C70367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1" creationId="{BB308F3E-CCAC-9D12-0FE7-DA46293BD6E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2" creationId="{6999223A-CEA7-3EFF-027E-D82EA54232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3" creationId="{C594F678-FA26-21BB-431E-9EA44F6858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4" creationId="{F7826BDE-27F7-C4E1-49B1-1F23617E0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5" creationId="{BEEAC117-5B10-4014-A025-5EB082F769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6" creationId="{AF9E316C-9FAC-6C59-87DE-694F0C0A9E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7" creationId="{3F6DADC1-73AF-380B-8CFC-530924A81B6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8" creationId="{A99D7891-66EB-3291-5BE5-19CA8751FA0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9" creationId="{231687A3-C2AC-0A7C-368D-6DDB003FD61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0" creationId="{2D444403-2FBB-398B-7A50-1F0B8F738A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1" creationId="{EC3CA1D9-F8A3-A895-9837-C1C37968554D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2" creationId="{6A6A2890-8539-09C0-BB71-15FE1F68EC0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3" creationId="{BACE1916-A4E7-4027-7A47-F9634EDEBF7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4" creationId="{CD46C8FB-3205-D5E0-366E-0E0D954C6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5" creationId="{1ACD7D27-9972-B622-5A9C-5E4DD7E1144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6" creationId="{960C2923-F556-B79F-C576-B7F32DDD9DF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7" creationId="{CB44B4EE-A259-4D56-09E9-BD1B476570D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8" creationId="{3869BAB2-0286-AE08-F522-2A618AA5AC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9" creationId="{1D417152-697A-9BD3-46FA-AE5C7A63D4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0" creationId="{2857C2BE-1F97-1E55-7558-88EDC2DB56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1" creationId="{FAC456F5-A024-1F65-5ACC-17CAECC979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2" creationId="{918CC3B9-C073-CBC5-FEB8-D81928F26C6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3" creationId="{229D94BA-27CD-C6EF-3D06-B649054055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4" creationId="{A5964E1E-D2EB-9E18-837D-76B6BDAC33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5" creationId="{0C89AE51-2EF6-5B37-EAFA-61F422A3DF4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6" creationId="{8E87B063-14E3-E1A4-E323-4E0592544DE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7" creationId="{2FFCDAD7-97C1-475C-8FB9-52953BA30DD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8" creationId="{E509445A-06B0-0508-DE54-D2D0912D9A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9" creationId="{F177E4E6-286A-DC2F-2410-A1A119D7090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0" creationId="{7BC60FE4-B9CF-8B51-FDB1-66BC35D89FB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1" creationId="{C0B1227A-9EBD-E741-B810-C582666E281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2" creationId="{51EA06A2-AD1E-FDD8-B45B-486AAC139FC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3" creationId="{2C4D5911-DA6E-5448-2F07-90244635C6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4" creationId="{32CD60D7-9876-3E68-0CDC-B8EBA41B81A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5" creationId="{F076AFC1-837F-EC75-033A-2AD0AD204D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6" creationId="{6C4B88D9-BF6F-A2E3-F9E2-9D2EB00E871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7" creationId="{D6ED8942-3ACB-9619-D67D-8AF7433B07B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8" creationId="{C00398FB-67BA-9B1B-20F2-496060B4759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9" creationId="{342B9B75-984E-543B-B324-3BB666EEE55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0" creationId="{CA91DBF4-178D-0B58-357D-CA615F17E2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1" creationId="{0F12B40F-E67E-77A3-EC2B-30EF8CC31D9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2" creationId="{7A4F7FCC-96FA-89FB-9E3D-103AFB8F459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5" creationId="{4D316CC6-F8D9-5DD0-A434-B1D7939AD318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8" creationId="{BE4EBD68-A36C-4A73-DF94-2414D7905B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9" creationId="{648DFD8E-C8C6-C673-FFEB-115649D902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0" creationId="{E3395C25-1B85-6190-F692-192A61E336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1" creationId="{C10784E9-ABE1-48E1-F86C-CB0B7D538A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2" creationId="{27F69637-0564-E9EC-888F-880DE010654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3" creationId="{25B79980-108C-4322-1AF1-DC29FDECF2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4" creationId="{C3390F9D-C9E0-F49A-CF9B-1BB81A495D3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5" creationId="{D90C27F9-C1B7-4227-ECA6-AC827DDB98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6" creationId="{7B58B30A-C72D-BEC0-65FD-E534BA5C7E9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7" creationId="{C7B39D9B-1184-E075-B225-27ADDC2144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8" creationId="{BD67BAF3-D9AC-087D-A0E1-D9C7C4A86B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9" creationId="{52F75762-38D7-ED8D-7409-43AEE0424E2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0" creationId="{1E7D3575-D8F6-1F73-0A50-DBD8B12DE5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1" creationId="{78177A3A-81F4-EE00-A5A8-A4A8376CCA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2" creationId="{547B1E65-2609-8258-520A-8DBCF296A6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3" creationId="{D9D3ECA7-D1BA-C91E-1783-EF1A1D959F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4" creationId="{470C3C62-F536-E61F-7F7A-10E84E5DC5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5" creationId="{BDE8735E-0792-411D-8C3A-FB4201A49B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6" creationId="{22956077-B09F-7B93-785A-C47ECD02FEC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7" creationId="{C583E804-B700-38BD-AC8E-5F0BF40BC2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8" creationId="{84977C7D-133E-82A0-8039-0B59164054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9" creationId="{CF91BB67-1BB6-2176-EAA9-0CFBC99528E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0" creationId="{BA6BFABF-4085-E97D-6EAD-0613328531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1" creationId="{F1ACB9AF-DA1F-8AF4-BFAE-F85C742E24F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2" creationId="{5C92819B-EBFE-4CF0-3B49-975AC2B72A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3" creationId="{784190FB-759A-1CFC-1298-A5FB21FC0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4" creationId="{009D03B6-BFF1-1C04-5B59-708CF29C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5" creationId="{FCD6A577-32D3-B25E-8B2F-ED05D71565A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6" creationId="{F4E22E70-2A33-6371-E259-402F9B9C55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7" creationId="{B2D0CC4D-4C22-9A2E-D325-FD63258397F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8" creationId="{1B1E372A-4063-E1CC-B1EB-BA2A7FB1AA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9" creationId="{55098A5E-7949-E4E5-0E6F-185F7F532E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0" creationId="{107408E3-88E7-8A0B-16D2-144B27E045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1" creationId="{5E9C8CF4-E07A-ABAF-6265-EABD0D11D16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2" creationId="{6E2515BE-A4C3-4F61-11EB-D0FA31DDE2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3" creationId="{E41DFBD6-2636-A834-E469-5FCA29CDF1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4" creationId="{9ACBE00E-FAD8-1B2C-DC02-1311F4228B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5" creationId="{8CD153FF-0D0E-8831-7F6E-066D97F00C9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6" creationId="{B2E795DC-8787-A01A-6041-BC27B11BC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7" creationId="{3A6059E9-581B-F6B9-B6DE-392EEBFB79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8" creationId="{39E2212F-4EFD-5690-8998-BD3E98D4E6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9" creationId="{8AA08582-3F07-11CB-F9B6-45E4309C7B4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0" creationId="{0EF14BFD-B00A-4F33-69D6-7CFE20A73B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1" creationId="{AD026639-E855-4266-DFE8-514E17C1F8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2" creationId="{198F4EA5-524C-235B-9770-CBBC4EAA0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3" creationId="{4E05CCB7-AD54-CA4A-1E28-EB2617B3DC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4" creationId="{B64A4AAC-CAE6-B1B8-621B-4B276056DDD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5" creationId="{CBB2CD6F-DFD4-D9C7-B790-0A078A7ECB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6" creationId="{C5C68348-8CCF-F347-1322-7664DB3B64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7" creationId="{A1041652-3C41-8664-50D2-D35BF3B548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8" creationId="{4372E556-4455-631D-8361-A6E5308DD0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9" creationId="{62293A99-BA5D-7EA2-D513-DAE1C47AE6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0" creationId="{632E3674-5561-2DB5-BD16-F9C920BC63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1" creationId="{0E8DAEFC-012B-3685-8DAF-C164DA5C53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2" creationId="{FAD0AFEF-80EF-D7C6-DC52-10617ECFF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3" creationId="{9A5697EA-F104-70C4-5A9D-A8B0815242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4" creationId="{4CB41335-5B77-0E46-9D12-5CC76FAFA8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5" creationId="{3B457606-E7EE-8590-9C9A-E83423CD06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6" creationId="{0889EC70-80FE-BDA4-3605-2C6D13ACF80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7" creationId="{7312F7B2-FFDA-9565-20EF-652A202A241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8" creationId="{616F7C3D-639C-9459-0488-72F95D1E1C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9" creationId="{08916C8E-3262-8F33-295D-F4B8799314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0" creationId="{F4AF6E9C-BD3F-1439-1385-4A6EF75EBD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1" creationId="{85FE76F5-64E3-2C29-FFD1-A11B36FCB3A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2" creationId="{4DEFC211-5856-FC9B-CEAF-AF45DFEB90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3" creationId="{A9FBE92E-7CB4-A1A7-516C-02E2E9DD35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4" creationId="{052DD91B-BABB-C2FF-FE09-6C4BA93C4C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5" creationId="{2A400E10-96C8-A7AA-0EFB-5CBA80B23F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6" creationId="{8EA48376-D9AD-DEA8-E148-23A01A62B2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7" creationId="{E0857B4C-7BFC-34FE-5C2A-EDBF0336B1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8" creationId="{D42B0FA4-4237-66FF-3F52-F16AF65289C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9" creationId="{A9D7037E-792C-DB08-CD3A-03A3FCD2947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0" creationId="{894620F4-79BA-9249-F84D-F9BFA56AF0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1" creationId="{4E686341-F189-32CB-44B5-A7DD149E1E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2" creationId="{25556535-6554-2ED0-182B-75FE2641D6A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3" creationId="{ACB0F7DE-9A90-ECF1-F370-EB3E3F17B30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4" creationId="{92954C46-2953-ED49-EA7D-DFDD249683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5" creationId="{33545367-026B-D0A0-260F-0D1AD99226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6" creationId="{3995AD25-C27E-FFC5-0D0F-BE92A04CC72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7" creationId="{269CA24E-A912-0AAE-E051-CB2004F439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8" creationId="{94861968-5C67-9890-5EC0-362BC5380B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9" creationId="{8B3E830B-0CFD-8952-F5F6-10AE21BE5B7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0" creationId="{821AFE77-DC33-270B-0788-20644DBFFF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1" creationId="{A1EEDEA2-28D1-14E5-283C-962C06B96D4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2" creationId="{F50DE80C-17CD-5D9B-7EFC-2748D8AD313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3" creationId="{A9312AE6-F538-4A60-3F29-AA9E4817A7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4" creationId="{DBE0B26D-B0DC-5BD3-EB49-7B2C807B31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5" creationId="{158F7C5D-3ED2-E43B-F1D8-FA2C8D4172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6" creationId="{234461F5-26FF-B5B0-BA2E-19668AFB25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7" creationId="{20DA8656-0037-2194-11E0-04880271EB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8" creationId="{937471F2-BB77-760A-E8E2-E871C8720B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9" creationId="{31FFDAEB-C3EA-F280-8DD3-797BD6A424B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0" creationId="{B1892FB6-8F2A-06B4-9B77-B020B01E53A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1" creationId="{02D2691E-252D-0F70-4A11-B93294B8DA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2" creationId="{83FE5DD8-F7E3-A50F-0E44-E45379BC33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3" creationId="{9637827D-45CD-0CB8-0C7F-81FA9CA83A6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4" creationId="{4C080476-D9E0-DD68-5292-F3B855ABA8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5" creationId="{4D92621D-D009-4FDF-8533-E2D93F0C1B1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6" creationId="{602A34ED-1513-1F12-EF7D-A219E67337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7" creationId="{53EAFB2F-9619-29EF-8716-BF7D2F6D1B5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8" creationId="{A26FC17D-E7F9-B03E-739D-1DBEF2A123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9" creationId="{783E6F73-30B8-9AB3-B9DF-153D8D0A4E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0" creationId="{72772F76-16D9-751F-B942-ABD9A02A9B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1" creationId="{CA063881-7BB8-C616-12BE-7F6B4C2F46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2" creationId="{815E3F72-0795-7018-1C05-8B45F36DF2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3" creationId="{D983893C-F626-5CD3-370B-F832FF2F47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4" creationId="{8AA27E17-3D4B-2EF4-FCAE-B43F3579064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5" creationId="{845021AB-A786-DF8F-3DBD-474C4C4015F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6" creationId="{B205041E-2380-48C8-A0A6-94FFC2A4C30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7" creationId="{9A10ABBC-04B0-E7E1-4532-0336A993F1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8" creationId="{6BA0A40F-C3C8-8ECC-2995-4A26E1900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9" creationId="{89ABEA17-5222-2FD2-4A81-E8E4D56F25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0" creationId="{BBAF6676-F80B-DC6F-9FC5-FE18B252429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1" creationId="{9F7D81ED-5ED2-3D78-E2C5-8C62728FCE1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2" creationId="{D47480C0-CDC6-862A-F465-5D809FBD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3" creationId="{6A48245D-9702-CB5A-4914-3CB831D359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4" creationId="{1C955D20-C350-2EB0-DF98-853C322FAD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5" creationId="{F3F0BF38-EE6A-83A9-4D09-31FBBC889F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6" creationId="{E7276529-6201-CF83-54D5-88762C55A0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7" creationId="{11FBF578-BE87-0943-950B-50C66DF539F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8" creationId="{F1D23647-059D-D284-2B84-7F6340960E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9" creationId="{4C14CF14-D692-0FEF-F2F8-5EDA7D91FD4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0" creationId="{737D3A4A-1C84-4671-4104-626B524F02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1" creationId="{5FE578E2-BB74-6270-7592-697A6D5C8E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2" creationId="{73F43213-B358-E6A5-EE1B-5DEF648998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3" creationId="{BC910803-3B62-FCBA-AA9D-4ED7E6BEE2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4" creationId="{A3FE36C5-A94B-31E2-5874-FECB227ACCC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65" creationId="{A602AEC8-098C-8AA8-FC5C-0C0CEDDA69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6" creationId="{FB374BA6-212F-AEA0-0623-C58E21E821F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7" creationId="{37DE6CD7-D0FA-D83D-DBC6-E8889F9519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8" creationId="{2894BF13-950B-92A2-D1C9-0D9DC2E9DD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9" creationId="{FF060747-DD5A-04E2-CDB0-9A1F337637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0" creationId="{FCF3F2E7-504A-1C0E-3107-737993755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1" creationId="{2BA59411-A42D-B758-A66D-C13DB05C67F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2" creationId="{76E827A4-DBD7-1D4A-66D1-F3CF842581E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3" creationId="{6AEED50B-FF9D-93D8-D29A-ACFB21687C0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4" creationId="{A4A4401D-4D1D-7CCA-9A39-E41B9F5BBA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5" creationId="{62DF9400-E5BA-224B-1556-7552B69370B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6" creationId="{6DEE1F1B-3EF0-F327-0AE6-5168CC0D159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7" creationId="{FBC3E865-9CCB-6EB3-2A78-7907C9A7BD0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8" creationId="{8F45BCDA-EB6F-0877-E5E5-BBE41DE758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9" creationId="{B57A5EA1-25E9-ECDD-1040-058A182691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0" creationId="{42990781-2E46-FCDF-65AC-E62405A9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1" creationId="{EF94ED51-4777-AE67-1658-EAC295641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2" creationId="{BEDCA86A-B935-61E1-ED66-FC4CED610D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3" creationId="{3B5771E9-F0D6-8410-13F1-6D466AFD4AD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4" creationId="{232CC7C8-8DB1-0A85-64D7-05E3BDF8F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5" creationId="{8E70E866-C7A2-ED9D-C301-5B0343FF92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6" creationId="{129EAD01-4B0C-F4CB-5C72-6B11FB220C29}"/>
          </ac:spMkLst>
        </pc:spChg>
        <pc:spChg chg="del mod topLvl">
          <ac:chgData name="Sorour Falahati" userId="8955ae62-45ff-43c9-8c3d-6aad30f36d67" providerId="ADAL" clId="{0AB87278-7B9C-4920-9FCB-FE0288CF147C}" dt="2023-05-14T20:59:12.771" v="4990"/>
          <ac:spMkLst>
            <pc:docMk/>
            <pc:sldMk cId="1828577344" sldId="2147374205"/>
            <ac:spMk id="1487" creationId="{46FF1C0C-283F-E60C-2998-B9A8E8DC38B2}"/>
          </ac:spMkLst>
        </pc:spChg>
        <pc:spChg chg="del mod topLvl">
          <ac:chgData name="Sorour Falahati" userId="8955ae62-45ff-43c9-8c3d-6aad30f36d67" providerId="ADAL" clId="{0AB87278-7B9C-4920-9FCB-FE0288CF147C}" dt="2023-05-14T20:59:23.396" v="4992" actId="478"/>
          <ac:spMkLst>
            <pc:docMk/>
            <pc:sldMk cId="1828577344" sldId="2147374205"/>
            <ac:spMk id="1488" creationId="{4E521A05-406C-DBC1-F6A7-EE47D6CF5610}"/>
          </ac:spMkLst>
        </pc:spChg>
        <pc:spChg chg="del mod topLvl">
          <ac:chgData name="Sorour Falahati" userId="8955ae62-45ff-43c9-8c3d-6aad30f36d67" providerId="ADAL" clId="{0AB87278-7B9C-4920-9FCB-FE0288CF147C}" dt="2023-05-14T20:59:12.761" v="4988" actId="478"/>
          <ac:spMkLst>
            <pc:docMk/>
            <pc:sldMk cId="1828577344" sldId="2147374205"/>
            <ac:spMk id="1489" creationId="{C2CD8448-432D-9D8A-0835-6D7244AD9E22}"/>
          </ac:spMkLst>
        </pc:spChg>
        <pc:spChg chg="mod topLvl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490" creationId="{E7907D13-6E05-04C9-60F8-2B989DB4615E}"/>
          </ac:spMkLst>
        </pc:spChg>
        <pc:spChg chg="del mod topLvl">
          <ac:chgData name="Sorour Falahati" userId="8955ae62-45ff-43c9-8c3d-6aad30f36d67" providerId="ADAL" clId="{0AB87278-7B9C-4920-9FCB-FE0288CF147C}" dt="2023-05-14T20:59:52.719" v="5006" actId="478"/>
          <ac:spMkLst>
            <pc:docMk/>
            <pc:sldMk cId="1828577344" sldId="2147374205"/>
            <ac:spMk id="1491" creationId="{952A68A9-0D21-6FC1-F520-4B663330B46C}"/>
          </ac:spMkLst>
        </pc:spChg>
        <pc:spChg chg="del mod topLvl">
          <ac:chgData name="Sorour Falahati" userId="8955ae62-45ff-43c9-8c3d-6aad30f36d67" providerId="ADAL" clId="{0AB87278-7B9C-4920-9FCB-FE0288CF147C}" dt="2023-05-14T20:59:48.457" v="5005" actId="478"/>
          <ac:spMkLst>
            <pc:docMk/>
            <pc:sldMk cId="1828577344" sldId="2147374205"/>
            <ac:spMk id="1492" creationId="{F52842BE-B049-FD14-EC75-0B007064D08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3" creationId="{1E3A0E8A-E23B-FFCD-021D-9F0D092EEA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4" creationId="{68556041-DD3F-9C7D-78F1-0A0B7B622BA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5" creationId="{4091C23F-C15F-DED0-3729-56677180533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6" creationId="{F6CEF15A-08A6-0E79-2C91-8B845454C79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7" creationId="{971395C6-FC30-6962-CFC8-44922CBF253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8" creationId="{D5900E47-5F0A-2A32-A9A9-97775F55B0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9" creationId="{A6B45661-A636-49B2-67F2-BAF22D38A65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0" creationId="{C8724E79-E064-D197-A01B-5D02796DB3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1" creationId="{0E1665A5-D8B7-CD25-6C70-8E7604E7A0C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2" creationId="{CE8421B7-845F-D7AE-E430-6C305348503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3" creationId="{D55873B9-CDD5-0C19-76A0-50C8D1DBE33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4" creationId="{2AD4B7BB-3782-5759-C191-5B845AE5484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5" creationId="{6FBE534B-94A0-7D5A-22F7-9F1EEBBE7DF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6" creationId="{06F0F42B-88E0-5AC8-1292-535123C446C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7" creationId="{B3EEA9E8-81A8-AA17-A12C-72E06F32A750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8" creationId="{2D7BE757-28C5-9EC5-53E5-EE71942576C7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9" creationId="{9C79BBD5-20CC-5BD3-5950-8065E179F90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0" creationId="{FDCF3462-0278-D219-AA18-224D15DDA86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1" creationId="{6C8F2378-D064-ADFA-65CB-C0C5279F576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2" creationId="{86F4A31D-1AC3-EFAB-D222-011202F80D6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3" creationId="{1B6823DB-4AC4-D8F8-CA39-B2D86CECB51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4" creationId="{A460661C-C37C-595B-812A-DB825145CA6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5" creationId="{7A3DFB1D-F32D-8423-5595-BBA0C9165FA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6" creationId="{545E7904-083E-0F48-EF59-9E3DEBBAC7F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7" creationId="{2E366CB6-EC4D-09A9-499A-0F948290D6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8" creationId="{A1D97ACE-E7B9-AEA8-057D-C3C0C33926A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9" creationId="{39026FBE-C165-8FE6-F462-79F3048EC66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0" creationId="{35D5EE1F-78B8-47F1-E062-5D5A1AE604F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1" creationId="{B3BF5F76-7677-4C6A-D4EA-9AF62D8CB90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2" creationId="{EA759DDA-88D7-19B0-E775-A48F762AC90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3" creationId="{0F0D52C5-B18A-A8D0-D05B-FC67276DC6A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4" creationId="{769F5A3C-8B83-26D6-B3D4-4F952047710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5" creationId="{025B5FFC-C19E-8E94-BB8E-70390D3916A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6" creationId="{92B1414D-23B1-D1A9-13ED-325DE027AAB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7" creationId="{DA5EB710-B2AA-1334-A96B-CA9E01F85E7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8" creationId="{088E9344-FAF0-F18E-6644-25D9D4C4913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9" creationId="{688F7FBB-DCD5-FD61-ACFD-27063006C8AD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0" creationId="{4997EDA2-3DCA-291C-6EE6-25420ACF485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1" creationId="{131EEA0D-229D-10E5-4DED-8F4ABD3B786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2" creationId="{EFD116BA-A363-A352-955A-15AE130C245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3" creationId="{015FF05C-8D6A-BD95-5797-3BAA749B89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4" creationId="{FED76D7D-4EF8-F18C-AB94-2A8A1FC7FBB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5" creationId="{B1AC989E-2479-9627-3FFA-1F6482A511E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6" creationId="{0919D31D-4483-20AC-EF91-1FEDC2F03EC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7" creationId="{E76C3AF3-F219-4447-A29C-8AEC34109E7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8" creationId="{874935AD-9295-6E3C-7124-B2AEF55BF6E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9" creationId="{B867D52E-6B29-CB19-F70A-DED260342765}"/>
          </ac:spMkLst>
        </pc:spChg>
        <pc:spChg chg="add mod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540" creationId="{852E6680-707A-3CC0-2FE3-1E391B9D8056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3" creationId="{CA62AEE8-BD31-F8A9-8E20-C16415E6A029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4" creationId="{21EBFBDE-C09E-10D7-67D2-823ECA587F5E}"/>
          </ac:spMkLst>
        </pc:spChg>
        <pc:grpChg chg="mod">
          <ac:chgData name="Sorour Falahati" userId="8955ae62-45ff-43c9-8c3d-6aad30f36d67" providerId="ADAL" clId="{0AB87278-7B9C-4920-9FCB-FE0288CF147C}" dt="2023-05-14T20:57:58.059" v="4975" actId="338"/>
          <ac:grpSpMkLst>
            <pc:docMk/>
            <pc:sldMk cId="1828577344" sldId="2147374205"/>
            <ac:grpSpMk id="1" creationId="{00000000-0000-0000-0000-000000000000}"/>
          </ac:grpSpMkLst>
        </pc:grpChg>
        <pc:grpChg chg="del mod">
          <ac:chgData name="Sorour Falahati" userId="8955ae62-45ff-43c9-8c3d-6aad30f36d67" providerId="ADAL" clId="{0AB87278-7B9C-4920-9FCB-FE0288CF147C}" dt="2023-05-14T20:58:13.244" v="4976" actId="165"/>
          <ac:grpSpMkLst>
            <pc:docMk/>
            <pc:sldMk cId="1828577344" sldId="2147374205"/>
            <ac:grpSpMk id="4" creationId="{1CAABECC-139D-8E5A-7921-B07A035D0515}"/>
          </ac:grpSpMkLst>
        </pc:grpChg>
        <pc:grpChg chg="del mod topLvl">
          <ac:chgData name="Sorour Falahati" userId="8955ae62-45ff-43c9-8c3d-6aad30f36d67" providerId="ADAL" clId="{0AB87278-7B9C-4920-9FCB-FE0288CF147C}" dt="2023-05-14T20:58:22.358" v="4977" actId="165"/>
          <ac:grpSpMkLst>
            <pc:docMk/>
            <pc:sldMk cId="1828577344" sldId="2147374205"/>
            <ac:grpSpMk id="6" creationId="{4FA430A6-68D1-7E82-8E8D-7F0D61A92C6C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1" creationId="{7EDA5F45-C5BA-9FCD-B201-018587F42F90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2" creationId="{826D5470-7650-DCBB-D199-DEF06B37F5E6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5" creationId="{A191D5D7-4000-425D-9FE2-AE4A681CBD75}"/>
          </ac:grpSpMkLst>
        </pc:grpChg>
        <pc:picChg chg="add del mod">
          <ac:chgData name="Sorour Falahati" userId="8955ae62-45ff-43c9-8c3d-6aad30f36d67" providerId="ADAL" clId="{0AB87278-7B9C-4920-9FCB-FE0288CF147C}" dt="2023-05-14T20:57:58.059" v="4975" actId="338"/>
          <ac:picMkLst>
            <pc:docMk/>
            <pc:sldMk cId="1828577344" sldId="2147374205"/>
            <ac:picMk id="3" creationId="{B93CF32D-971C-D17E-3569-41BD277DB9FC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3" creationId="{4C8E9403-EE14-F4F1-E228-E3597F474B67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4" creationId="{9296D582-0BA1-83D8-B351-F3B4818035AB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6" creationId="{9FADE030-FCA3-A9D2-3D3A-9E06793DD6BF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7" creationId="{D0AB7166-BA8F-CBB6-BA56-F90A18594675}"/>
          </ac:picMkLst>
        </pc:picChg>
      </pc:sldChg>
      <pc:sldChg chg="del">
        <pc:chgData name="Sorour Falahati" userId="8955ae62-45ff-43c9-8c3d-6aad30f36d67" providerId="ADAL" clId="{0AB87278-7B9C-4920-9FCB-FE0288CF147C}" dt="2023-05-12T16:39:06.219" v="164" actId="47"/>
        <pc:sldMkLst>
          <pc:docMk/>
          <pc:sldMk cId="2498733208" sldId="2147374205"/>
        </pc:sldMkLst>
      </pc:sldChg>
      <pc:sldChg chg="addSp delSp modSp add mod">
        <pc:chgData name="Sorour Falahati" userId="8955ae62-45ff-43c9-8c3d-6aad30f36d67" providerId="ADAL" clId="{0AB87278-7B9C-4920-9FCB-FE0288CF147C}" dt="2023-05-12T17:42:49.529" v="4020" actId="478"/>
        <pc:sldMkLst>
          <pc:docMk/>
          <pc:sldMk cId="100206225" sldId="2147374206"/>
        </pc:sldMkLst>
        <pc:spChg chg="del">
          <ac:chgData name="Sorour Falahati" userId="8955ae62-45ff-43c9-8c3d-6aad30f36d67" providerId="ADAL" clId="{0AB87278-7B9C-4920-9FCB-FE0288CF147C}" dt="2023-05-12T17:12:58.659" v="2279" actId="478"/>
          <ac:spMkLst>
            <pc:docMk/>
            <pc:sldMk cId="100206225" sldId="2147374206"/>
            <ac:spMk id="2" creationId="{0E4B3F98-D7D0-EAC7-8FC1-7FD375881045}"/>
          </ac:spMkLst>
        </pc:spChg>
        <pc:spChg chg="add del mod">
          <ac:chgData name="Sorour Falahati" userId="8955ae62-45ff-43c9-8c3d-6aad30f36d67" providerId="ADAL" clId="{0AB87278-7B9C-4920-9FCB-FE0288CF147C}" dt="2023-05-12T17:19:02.022" v="2561" actId="478"/>
          <ac:spMkLst>
            <pc:docMk/>
            <pc:sldMk cId="100206225" sldId="2147374206"/>
            <ac:spMk id="3" creationId="{AA61B082-3675-0E6F-AB28-A07D11C56EE8}"/>
          </ac:spMkLst>
        </pc:spChg>
        <pc:spChg chg="add del mod">
          <ac:chgData name="Sorour Falahati" userId="8955ae62-45ff-43c9-8c3d-6aad30f36d67" providerId="ADAL" clId="{0AB87278-7B9C-4920-9FCB-FE0288CF147C}" dt="2023-05-12T17:18:40.469" v="2560" actId="478"/>
          <ac:spMkLst>
            <pc:docMk/>
            <pc:sldMk cId="100206225" sldId="2147374206"/>
            <ac:spMk id="5" creationId="{76DC578D-F841-7C21-5BB2-9F2881A812D4}"/>
          </ac:spMkLst>
        </pc:spChg>
        <pc:spChg chg="add del mod">
          <ac:chgData name="Sorour Falahati" userId="8955ae62-45ff-43c9-8c3d-6aad30f36d67" providerId="ADAL" clId="{0AB87278-7B9C-4920-9FCB-FE0288CF147C}" dt="2023-05-12T17:18:39.092" v="2559" actId="478"/>
          <ac:spMkLst>
            <pc:docMk/>
            <pc:sldMk cId="100206225" sldId="2147374206"/>
            <ac:spMk id="6" creationId="{81915C6A-ACC8-A7AF-138B-8BC85A198473}"/>
          </ac:spMkLst>
        </pc:spChg>
        <pc:spChg chg="add del mod">
          <ac:chgData name="Sorour Falahati" userId="8955ae62-45ff-43c9-8c3d-6aad30f36d67" providerId="ADAL" clId="{0AB87278-7B9C-4920-9FCB-FE0288CF147C}" dt="2023-05-12T17:18:38.162" v="2558" actId="478"/>
          <ac:spMkLst>
            <pc:docMk/>
            <pc:sldMk cId="100206225" sldId="2147374206"/>
            <ac:spMk id="10" creationId="{B21890B8-FB43-78A9-1A4B-8AE6BB573133}"/>
          </ac:spMkLst>
        </pc:spChg>
        <pc:spChg chg="del topLvl">
          <ac:chgData name="Sorour Falahati" userId="8955ae62-45ff-43c9-8c3d-6aad30f36d67" providerId="ADAL" clId="{0AB87278-7B9C-4920-9FCB-FE0288CF147C}" dt="2023-05-12T17:28:52.703" v="3023" actId="478"/>
          <ac:spMkLst>
            <pc:docMk/>
            <pc:sldMk cId="100206225" sldId="2147374206"/>
            <ac:spMk id="14" creationId="{75F0EB21-05B8-CC81-DB68-B48ED6770706}"/>
          </ac:spMkLst>
        </pc:spChg>
        <pc:spChg chg="del">
          <ac:chgData name="Sorour Falahati" userId="8955ae62-45ff-43c9-8c3d-6aad30f36d67" providerId="ADAL" clId="{0AB87278-7B9C-4920-9FCB-FE0288CF147C}" dt="2023-05-12T17:12:51.084" v="2275" actId="478"/>
          <ac:spMkLst>
            <pc:docMk/>
            <pc:sldMk cId="100206225" sldId="2147374206"/>
            <ac:spMk id="18" creationId="{6273792D-BA45-8EE3-DB92-D5F0B6390365}"/>
          </ac:spMkLst>
        </pc:spChg>
        <pc:spChg chg="del">
          <ac:chgData name="Sorour Falahati" userId="8955ae62-45ff-43c9-8c3d-6aad30f36d67" providerId="ADAL" clId="{0AB87278-7B9C-4920-9FCB-FE0288CF147C}" dt="2023-05-12T17:12:55.404" v="2277" actId="478"/>
          <ac:spMkLst>
            <pc:docMk/>
            <pc:sldMk cId="100206225" sldId="2147374206"/>
            <ac:spMk id="19" creationId="{C40BFD8A-6394-CBE2-ABA2-EDECCA53B97B}"/>
          </ac:spMkLst>
        </pc:spChg>
        <pc:spChg chg="add del mod">
          <ac:chgData name="Sorour Falahati" userId="8955ae62-45ff-43c9-8c3d-6aad30f36d67" providerId="ADAL" clId="{0AB87278-7B9C-4920-9FCB-FE0288CF147C}" dt="2023-05-12T17:18:37.301" v="2557" actId="478"/>
          <ac:spMkLst>
            <pc:docMk/>
            <pc:sldMk cId="100206225" sldId="2147374206"/>
            <ac:spMk id="20" creationId="{612C9256-9A9C-680A-7836-F53027A8D14F}"/>
          </ac:spMkLst>
        </pc:spChg>
        <pc:spChg chg="del topLvl">
          <ac:chgData name="Sorour Falahati" userId="8955ae62-45ff-43c9-8c3d-6aad30f36d67" providerId="ADAL" clId="{0AB87278-7B9C-4920-9FCB-FE0288CF147C}" dt="2023-05-12T17:27:22.748" v="3007" actId="478"/>
          <ac:spMkLst>
            <pc:docMk/>
            <pc:sldMk cId="100206225" sldId="2147374206"/>
            <ac:spMk id="34" creationId="{BB4E8733-4570-BE09-88F6-01C67A963160}"/>
          </ac:spMkLst>
        </pc:spChg>
        <pc:spChg chg="add mod">
          <ac:chgData name="Sorour Falahati" userId="8955ae62-45ff-43c9-8c3d-6aad30f36d67" providerId="ADAL" clId="{0AB87278-7B9C-4920-9FCB-FE0288CF147C}" dt="2023-05-12T17:37:26.122" v="3767" actId="1035"/>
          <ac:spMkLst>
            <pc:docMk/>
            <pc:sldMk cId="100206225" sldId="2147374206"/>
            <ac:spMk id="99" creationId="{860B1F00-A9BD-400D-1199-EF821AC68DE6}"/>
          </ac:spMkLst>
        </pc:spChg>
        <pc:spChg chg="add del mod">
          <ac:chgData name="Sorour Falahati" userId="8955ae62-45ff-43c9-8c3d-6aad30f36d67" providerId="ADAL" clId="{0AB87278-7B9C-4920-9FCB-FE0288CF147C}" dt="2023-05-12T17:35:06.527" v="3671" actId="478"/>
          <ac:spMkLst>
            <pc:docMk/>
            <pc:sldMk cId="100206225" sldId="2147374206"/>
            <ac:spMk id="107" creationId="{3D43EBC9-B7BF-165E-FA83-6E0AE151CDBC}"/>
          </ac:spMkLst>
        </pc:spChg>
        <pc:spChg chg="add mod">
          <ac:chgData name="Sorour Falahati" userId="8955ae62-45ff-43c9-8c3d-6aad30f36d67" providerId="ADAL" clId="{0AB87278-7B9C-4920-9FCB-FE0288CF147C}" dt="2023-05-12T17:32:52.070" v="3359" actId="208"/>
          <ac:spMkLst>
            <pc:docMk/>
            <pc:sldMk cId="100206225" sldId="2147374206"/>
            <ac:spMk id="116" creationId="{925B091A-9BE9-9E16-79E2-AF9C3B382E2A}"/>
          </ac:spMkLst>
        </pc:spChg>
        <pc:spChg chg="add del mod">
          <ac:chgData name="Sorour Falahati" userId="8955ae62-45ff-43c9-8c3d-6aad30f36d67" providerId="ADAL" clId="{0AB87278-7B9C-4920-9FCB-FE0288CF147C}" dt="2023-05-12T17:32:59.053" v="3361"/>
          <ac:spMkLst>
            <pc:docMk/>
            <pc:sldMk cId="100206225" sldId="2147374206"/>
            <ac:spMk id="117" creationId="{7DCA9EA2-3E37-68E1-1483-045EDFA037DA}"/>
          </ac:spMkLst>
        </pc:spChg>
        <pc:spChg chg="add mod">
          <ac:chgData name="Sorour Falahati" userId="8955ae62-45ff-43c9-8c3d-6aad30f36d67" providerId="ADAL" clId="{0AB87278-7B9C-4920-9FCB-FE0288CF147C}" dt="2023-05-12T17:33:26.544" v="3470" actId="1037"/>
          <ac:spMkLst>
            <pc:docMk/>
            <pc:sldMk cId="100206225" sldId="2147374206"/>
            <ac:spMk id="119" creationId="{6D01ADEE-2F1A-F1CC-EAD4-898BF0AC72A5}"/>
          </ac:spMkLst>
        </pc:spChg>
        <pc:spChg chg="add mod">
          <ac:chgData name="Sorour Falahati" userId="8955ae62-45ff-43c9-8c3d-6aad30f36d67" providerId="ADAL" clId="{0AB87278-7B9C-4920-9FCB-FE0288CF147C}" dt="2023-05-12T17:34:12.679" v="3603" actId="1035"/>
          <ac:spMkLst>
            <pc:docMk/>
            <pc:sldMk cId="100206225" sldId="2147374206"/>
            <ac:spMk id="120" creationId="{7BB6B689-0577-6346-B60C-F010DDC2E3BE}"/>
          </ac:spMkLst>
        </pc:spChg>
        <pc:spChg chg="add mod">
          <ac:chgData name="Sorour Falahati" userId="8955ae62-45ff-43c9-8c3d-6aad30f36d67" providerId="ADAL" clId="{0AB87278-7B9C-4920-9FCB-FE0288CF147C}" dt="2023-05-12T17:34:14.745" v="3605" actId="1035"/>
          <ac:spMkLst>
            <pc:docMk/>
            <pc:sldMk cId="100206225" sldId="2147374206"/>
            <ac:spMk id="121" creationId="{0F59E18B-17D7-AC14-FF51-9B9F76889AE7}"/>
          </ac:spMkLst>
        </pc:spChg>
        <pc:spChg chg="add mod">
          <ac:chgData name="Sorour Falahati" userId="8955ae62-45ff-43c9-8c3d-6aad30f36d67" providerId="ADAL" clId="{0AB87278-7B9C-4920-9FCB-FE0288CF147C}" dt="2023-05-12T17:40:08.234" v="3918" actId="14100"/>
          <ac:spMkLst>
            <pc:docMk/>
            <pc:sldMk cId="100206225" sldId="2147374206"/>
            <ac:spMk id="122" creationId="{837F5496-0C81-C35C-01BC-BC3939627AEC}"/>
          </ac:spMkLst>
        </pc:spChg>
        <pc:spChg chg="add mod">
          <ac:chgData name="Sorour Falahati" userId="8955ae62-45ff-43c9-8c3d-6aad30f36d67" providerId="ADAL" clId="{0AB87278-7B9C-4920-9FCB-FE0288CF147C}" dt="2023-05-12T17:41:47.473" v="4007" actId="20577"/>
          <ac:spMkLst>
            <pc:docMk/>
            <pc:sldMk cId="100206225" sldId="2147374206"/>
            <ac:spMk id="123" creationId="{99E6D962-3966-8553-5416-A806DD2FE1C3}"/>
          </ac:spMkLst>
        </pc:spChg>
        <pc:spChg chg="add mod">
          <ac:chgData name="Sorour Falahati" userId="8955ae62-45ff-43c9-8c3d-6aad30f36d67" providerId="ADAL" clId="{0AB87278-7B9C-4920-9FCB-FE0288CF147C}" dt="2023-05-12T17:42:11.789" v="4009" actId="20577"/>
          <ac:spMkLst>
            <pc:docMk/>
            <pc:sldMk cId="100206225" sldId="2147374206"/>
            <ac:spMk id="126" creationId="{2B205144-98D5-5920-438E-270B35154DC9}"/>
          </ac:spMkLst>
        </pc:spChg>
        <pc:spChg chg="add mod">
          <ac:chgData name="Sorour Falahati" userId="8955ae62-45ff-43c9-8c3d-6aad30f36d67" providerId="ADAL" clId="{0AB87278-7B9C-4920-9FCB-FE0288CF147C}" dt="2023-05-12T17:42:24.563" v="4013" actId="20577"/>
          <ac:spMkLst>
            <pc:docMk/>
            <pc:sldMk cId="100206225" sldId="2147374206"/>
            <ac:spMk id="128" creationId="{79FFEA66-FF81-780A-8EC3-FCF3461A762B}"/>
          </ac:spMkLst>
        </pc:spChg>
        <pc:spChg chg="add del mod">
          <ac:chgData name="Sorour Falahati" userId="8955ae62-45ff-43c9-8c3d-6aad30f36d67" providerId="ADAL" clId="{0AB87278-7B9C-4920-9FCB-FE0288CF147C}" dt="2023-05-12T17:40:22.099" v="3920" actId="478"/>
          <ac:spMkLst>
            <pc:docMk/>
            <pc:sldMk cId="100206225" sldId="2147374206"/>
            <ac:spMk id="131" creationId="{F9FF0213-16A6-BE81-7334-BA292DB89C8E}"/>
          </ac:spMkLst>
        </pc:spChg>
        <pc:spChg chg="add mod">
          <ac:chgData name="Sorour Falahati" userId="8955ae62-45ff-43c9-8c3d-6aad30f36d67" providerId="ADAL" clId="{0AB87278-7B9C-4920-9FCB-FE0288CF147C}" dt="2023-05-12T17:42:34.394" v="4019" actId="20577"/>
          <ac:spMkLst>
            <pc:docMk/>
            <pc:sldMk cId="100206225" sldId="2147374206"/>
            <ac:spMk id="132" creationId="{647C0C5F-3051-AB25-9AD5-CDAC7BC56D0B}"/>
          </ac:spMkLst>
        </pc:spChg>
        <pc:grpChg chg="del">
          <ac:chgData name="Sorour Falahati" userId="8955ae62-45ff-43c9-8c3d-6aad30f36d67" providerId="ADAL" clId="{0AB87278-7B9C-4920-9FCB-FE0288CF147C}" dt="2023-05-12T17:28:52.703" v="3023" actId="478"/>
          <ac:grpSpMkLst>
            <pc:docMk/>
            <pc:sldMk cId="100206225" sldId="2147374206"/>
            <ac:grpSpMk id="31" creationId="{5050EA62-D4A4-FD0B-399C-D70BF8047CA4}"/>
          </ac:grpSpMkLst>
        </pc:grpChg>
        <pc:grpChg chg="del">
          <ac:chgData name="Sorour Falahati" userId="8955ae62-45ff-43c9-8c3d-6aad30f36d67" providerId="ADAL" clId="{0AB87278-7B9C-4920-9FCB-FE0288CF147C}" dt="2023-05-12T17:27:22.748" v="3007" actId="478"/>
          <ac:grpSpMkLst>
            <pc:docMk/>
            <pc:sldMk cId="100206225" sldId="2147374206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8" creationId="{BB75D3C1-61D1-7A09-3209-363D4B4A0E4D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9" creationId="{4F2431D0-7D57-DD30-D658-0F23120F054F}"/>
          </ac:grpSpMkLst>
        </pc:grpChg>
        <pc:grpChg chg="del">
          <ac:chgData name="Sorour Falahati" userId="8955ae62-45ff-43c9-8c3d-6aad30f36d67" providerId="ADAL" clId="{0AB87278-7B9C-4920-9FCB-FE0288CF147C}" dt="2023-05-12T17:35:06.527" v="3671" actId="478"/>
          <ac:grpSpMkLst>
            <pc:docMk/>
            <pc:sldMk cId="100206225" sldId="2147374206"/>
            <ac:grpSpMk id="42" creationId="{F67E53A6-B359-F231-16E5-00CFB399FA0F}"/>
          </ac:grpSpMkLst>
        </pc:grpChg>
        <pc:grpChg chg="add del">
          <ac:chgData name="Sorour Falahati" userId="8955ae62-45ff-43c9-8c3d-6aad30f36d67" providerId="ADAL" clId="{0AB87278-7B9C-4920-9FCB-FE0288CF147C}" dt="2023-05-12T17:26:33.243" v="2945" actId="478"/>
          <ac:grpSpMkLst>
            <pc:docMk/>
            <pc:sldMk cId="100206225" sldId="2147374206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51" creationId="{D5407E22-79D0-9F76-FDBA-6C9F47CF50F5}"/>
          </ac:grpSpMkLst>
        </pc:grpChg>
        <pc:grpChg chg="del">
          <ac:chgData name="Sorour Falahati" userId="8955ae62-45ff-43c9-8c3d-6aad30f36d67" providerId="ADAL" clId="{0AB87278-7B9C-4920-9FCB-FE0288CF147C}" dt="2023-05-12T17:35:10.264" v="3672" actId="478"/>
          <ac:grpSpMkLst>
            <pc:docMk/>
            <pc:sldMk cId="100206225" sldId="2147374206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61" creationId="{CC5BE72E-DEEA-E10E-45B1-128A0EE5585A}"/>
          </ac:grpSpMkLst>
        </pc:grpChg>
        <pc:grpChg chg="del">
          <ac:chgData name="Sorour Falahati" userId="8955ae62-45ff-43c9-8c3d-6aad30f36d67" providerId="ADAL" clId="{0AB87278-7B9C-4920-9FCB-FE0288CF147C}" dt="2023-05-12T17:12:48.381" v="2274" actId="478"/>
          <ac:grpSpMkLst>
            <pc:docMk/>
            <pc:sldMk cId="100206225" sldId="2147374206"/>
            <ac:grpSpMk id="62" creationId="{5236B71A-6A49-4F44-744C-8A555FE99D9B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70" creationId="{2E9646C9-F7E7-D989-7F91-71175DA63B22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95" creationId="{905F4B8A-E6A6-BA44-A93F-F6B8EBB2D44F}"/>
          </ac:grpSpMkLst>
        </pc:grpChg>
        <pc:graphicFrameChg chg="modGraphic">
          <ac:chgData name="Sorour Falahati" userId="8955ae62-45ff-43c9-8c3d-6aad30f36d67" providerId="ADAL" clId="{0AB87278-7B9C-4920-9FCB-FE0288CF147C}" dt="2023-05-12T17:26:29.214" v="2944"/>
          <ac:graphicFrameMkLst>
            <pc:docMk/>
            <pc:sldMk cId="100206225" sldId="2147374206"/>
            <ac:graphicFrameMk id="15" creationId="{AF923E71-5BE8-79C7-AFA6-99CA76C933EA}"/>
          </ac:graphicFrameMkLst>
        </pc:graphicFrameChg>
        <pc:cxnChg chg="mod">
          <ac:chgData name="Sorour Falahati" userId="8955ae62-45ff-43c9-8c3d-6aad30f36d67" providerId="ADAL" clId="{0AB87278-7B9C-4920-9FCB-FE0288CF147C}" dt="2023-05-12T17:26:14.828" v="2938" actId="1037"/>
          <ac:cxnSpMkLst>
            <pc:docMk/>
            <pc:sldMk cId="100206225" sldId="2147374206"/>
            <ac:cxnSpMk id="8" creationId="{276DB4B2-0B8B-4993-3314-5060C2BF9894}"/>
          </ac:cxnSpMkLst>
        </pc:cxnChg>
        <pc:cxnChg chg="add del">
          <ac:chgData name="Sorour Falahati" userId="8955ae62-45ff-43c9-8c3d-6aad30f36d67" providerId="ADAL" clId="{0AB87278-7B9C-4920-9FCB-FE0288CF147C}" dt="2023-05-12T17:16:00.893" v="2458" actId="478"/>
          <ac:cxnSpMkLst>
            <pc:docMk/>
            <pc:sldMk cId="100206225" sldId="2147374206"/>
            <ac:cxnSpMk id="22" creationId="{15F7F97D-706D-DE5C-AA41-3084F82E0460}"/>
          </ac:cxnSpMkLst>
        </pc:cxnChg>
        <pc:cxnChg chg="add del mod">
          <ac:chgData name="Sorour Falahati" userId="8955ae62-45ff-43c9-8c3d-6aad30f36d67" providerId="ADAL" clId="{0AB87278-7B9C-4920-9FCB-FE0288CF147C}" dt="2023-05-12T17:16:28.476" v="2463" actId="478"/>
          <ac:cxnSpMkLst>
            <pc:docMk/>
            <pc:sldMk cId="100206225" sldId="2147374206"/>
            <ac:cxnSpMk id="24" creationId="{C5975E64-D31F-5E87-7E98-8695815765A9}"/>
          </ac:cxnSpMkLst>
        </pc:cxnChg>
        <pc:cxnChg chg="del topLvl">
          <ac:chgData name="Sorour Falahati" userId="8955ae62-45ff-43c9-8c3d-6aad30f36d67" providerId="ADAL" clId="{0AB87278-7B9C-4920-9FCB-FE0288CF147C}" dt="2023-05-12T17:28:54.261" v="3024" actId="478"/>
          <ac:cxnSpMkLst>
            <pc:docMk/>
            <pc:sldMk cId="100206225" sldId="2147374206"/>
            <ac:cxnSpMk id="27" creationId="{5B7DAB04-FEE0-9DB6-4429-3A10E7D4A4B7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0" creationId="{9EBCE85E-E53F-7E05-2E3E-BFD2095E007D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3" creationId="{9F1833D5-79F9-CDA8-E67E-FE7F14BD4A24}"/>
          </ac:cxnSpMkLst>
        </pc:cxnChg>
        <pc:cxnChg chg="del topLvl">
          <ac:chgData name="Sorour Falahati" userId="8955ae62-45ff-43c9-8c3d-6aad30f36d67" providerId="ADAL" clId="{0AB87278-7B9C-4920-9FCB-FE0288CF147C}" dt="2023-05-12T17:27:25.449" v="3008" actId="478"/>
          <ac:cxnSpMkLst>
            <pc:docMk/>
            <pc:sldMk cId="100206225" sldId="2147374206"/>
            <ac:cxnSpMk id="36" creationId="{75383BF1-DE6C-7F80-B2F8-2918104091E1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7" creationId="{0F938D9B-1630-A0CB-ADA3-78F07DD4723E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0" creationId="{7C233356-EB65-E174-FC66-A49DB94CB231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1" creationId="{CD572C0C-93B1-A187-01E2-B72194B3FB3C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9" creationId="{43DCDC54-AFA9-1A3E-8669-61ED20CDDF99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4" creationId="{072CB00F-ED27-41A7-7282-F67A4B469431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6" creationId="{8AEA0DC4-4E53-FD3D-F4E2-00BA75E7A4DD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7" creationId="{A4B6ECDD-9735-C0DA-5E26-9164DAC06756}"/>
          </ac:cxnSpMkLst>
        </pc:cxnChg>
        <pc:cxnChg chg="del">
          <ac:chgData name="Sorour Falahati" userId="8955ae62-45ff-43c9-8c3d-6aad30f36d67" providerId="ADAL" clId="{0AB87278-7B9C-4920-9FCB-FE0288CF147C}" dt="2023-05-12T17:12:47.255" v="2273" actId="478"/>
          <ac:cxnSpMkLst>
            <pc:docMk/>
            <pc:sldMk cId="100206225" sldId="2147374206"/>
            <ac:cxnSpMk id="58" creationId="{3B340948-FEC3-A499-1359-189115CA55B1}"/>
          </ac:cxnSpMkLst>
        </pc:cxnChg>
        <pc:cxnChg chg="del">
          <ac:chgData name="Sorour Falahati" userId="8955ae62-45ff-43c9-8c3d-6aad30f36d67" providerId="ADAL" clId="{0AB87278-7B9C-4920-9FCB-FE0288CF147C}" dt="2023-05-12T17:12:52.438" v="2276" actId="478"/>
          <ac:cxnSpMkLst>
            <pc:docMk/>
            <pc:sldMk cId="100206225" sldId="2147374206"/>
            <ac:cxnSpMk id="59" creationId="{BA857CFF-2BF4-4604-1C3C-92F1C2202AAF}"/>
          </ac:cxnSpMkLst>
        </pc:cxnChg>
        <pc:cxnChg chg="del">
          <ac:chgData name="Sorour Falahati" userId="8955ae62-45ff-43c9-8c3d-6aad30f36d67" providerId="ADAL" clId="{0AB87278-7B9C-4920-9FCB-FE0288CF147C}" dt="2023-05-12T17:12:56.707" v="2278" actId="478"/>
          <ac:cxnSpMkLst>
            <pc:docMk/>
            <pc:sldMk cId="100206225" sldId="2147374206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7" creationId="{2180B3D3-7361-572E-D1D0-592144A7B17E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8" creationId="{79CFD676-29EF-9A91-0CF7-155989B03282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9" creationId="{174E61F6-B056-0672-5390-B6E7827B5B62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2" creationId="{F535BFB6-4940-4FD5-D0D4-30429AEC72DF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3" creationId="{01B9D96D-DF15-5D30-470F-DD6E185C279C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4" creationId="{3C06544A-6DE2-0B26-05DD-A5E039C52F2B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6" creationId="{C85151D9-F82B-087E-AA2B-81F89E5F221D}"/>
          </ac:cxnSpMkLst>
        </pc:cxnChg>
        <pc:cxnChg chg="del mod">
          <ac:chgData name="Sorour Falahati" userId="8955ae62-45ff-43c9-8c3d-6aad30f36d67" providerId="ADAL" clId="{0AB87278-7B9C-4920-9FCB-FE0288CF147C}" dt="2023-05-12T17:25:15.669" v="2913" actId="478"/>
          <ac:cxnSpMkLst>
            <pc:docMk/>
            <pc:sldMk cId="100206225" sldId="2147374206"/>
            <ac:cxnSpMk id="97" creationId="{19CEA05C-89B5-CF8F-3E12-E2E059BBC8B5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8" creationId="{DB3CA1C2-01A5-20B6-204E-2E2475A0B0E3}"/>
          </ac:cxnSpMkLst>
        </pc:cxnChg>
        <pc:cxnChg chg="add del mod">
          <ac:chgData name="Sorour Falahati" userId="8955ae62-45ff-43c9-8c3d-6aad30f36d67" providerId="ADAL" clId="{0AB87278-7B9C-4920-9FCB-FE0288CF147C}" dt="2023-05-12T17:30:25.819" v="3117" actId="478"/>
          <ac:cxnSpMkLst>
            <pc:docMk/>
            <pc:sldMk cId="100206225" sldId="2147374206"/>
            <ac:cxnSpMk id="101" creationId="{0E99826E-6269-A507-2DBC-3C19656D451E}"/>
          </ac:cxnSpMkLst>
        </pc:cxnChg>
        <pc:cxnChg chg="add del mod">
          <ac:chgData name="Sorour Falahati" userId="8955ae62-45ff-43c9-8c3d-6aad30f36d67" providerId="ADAL" clId="{0AB87278-7B9C-4920-9FCB-FE0288CF147C}" dt="2023-05-12T17:30:04.005" v="3090" actId="478"/>
          <ac:cxnSpMkLst>
            <pc:docMk/>
            <pc:sldMk cId="100206225" sldId="2147374206"/>
            <ac:cxnSpMk id="108" creationId="{3097200F-327A-9B7B-F37E-800DA1B9FDBA}"/>
          </ac:cxnSpMkLst>
        </pc:cxnChg>
        <pc:cxnChg chg="add mod">
          <ac:chgData name="Sorour Falahati" userId="8955ae62-45ff-43c9-8c3d-6aad30f36d67" providerId="ADAL" clId="{0AB87278-7B9C-4920-9FCB-FE0288CF147C}" dt="2023-05-12T17:35:34.399" v="3689" actId="1038"/>
          <ac:cxnSpMkLst>
            <pc:docMk/>
            <pc:sldMk cId="100206225" sldId="2147374206"/>
            <ac:cxnSpMk id="115" creationId="{D8DFDF79-C822-E338-F362-0ABA04657BD0}"/>
          </ac:cxnSpMkLst>
        </pc:cxnChg>
        <pc:cxnChg chg="add del mod">
          <ac:chgData name="Sorour Falahati" userId="8955ae62-45ff-43c9-8c3d-6aad30f36d67" providerId="ADAL" clId="{0AB87278-7B9C-4920-9FCB-FE0288CF147C}" dt="2023-05-12T17:32:59.053" v="3361"/>
          <ac:cxnSpMkLst>
            <pc:docMk/>
            <pc:sldMk cId="100206225" sldId="2147374206"/>
            <ac:cxnSpMk id="118" creationId="{BD0965ED-1D2B-0CBA-9419-0082349443AA}"/>
          </ac:cxnSpMkLst>
        </pc:cxnChg>
        <pc:cxnChg chg="add mod">
          <ac:chgData name="Sorour Falahati" userId="8955ae62-45ff-43c9-8c3d-6aad30f36d67" providerId="ADAL" clId="{0AB87278-7B9C-4920-9FCB-FE0288CF147C}" dt="2023-05-12T17:37:20.396" v="3765" actId="1037"/>
          <ac:cxnSpMkLst>
            <pc:docMk/>
            <pc:sldMk cId="100206225" sldId="2147374206"/>
            <ac:cxnSpMk id="124" creationId="{5D1DBEE5-DC7B-9D51-24E5-E73C37EBFE6C}"/>
          </ac:cxnSpMkLst>
        </pc:cxnChg>
        <pc:cxnChg chg="add mod">
          <ac:chgData name="Sorour Falahati" userId="8955ae62-45ff-43c9-8c3d-6aad30f36d67" providerId="ADAL" clId="{0AB87278-7B9C-4920-9FCB-FE0288CF147C}" dt="2023-05-12T17:38:14.363" v="3881" actId="14100"/>
          <ac:cxnSpMkLst>
            <pc:docMk/>
            <pc:sldMk cId="100206225" sldId="2147374206"/>
            <ac:cxnSpMk id="127" creationId="{97E768C0-7E88-1CA0-549C-8B8C8D0B1A9C}"/>
          </ac:cxnSpMkLst>
        </pc:cxnChg>
        <pc:cxnChg chg="add mod">
          <ac:chgData name="Sorour Falahati" userId="8955ae62-45ff-43c9-8c3d-6aad30f36d67" providerId="ADAL" clId="{0AB87278-7B9C-4920-9FCB-FE0288CF147C}" dt="2023-05-12T17:39:42.213" v="3916" actId="1037"/>
          <ac:cxnSpMkLst>
            <pc:docMk/>
            <pc:sldMk cId="100206225" sldId="2147374206"/>
            <ac:cxnSpMk id="129" creationId="{7DCF6163-C96A-6275-EAC2-69CA11CD9FE0}"/>
          </ac:cxnSpMkLst>
        </pc:cxnChg>
        <pc:cxnChg chg="add mod">
          <ac:chgData name="Sorour Falahati" userId="8955ae62-45ff-43c9-8c3d-6aad30f36d67" providerId="ADAL" clId="{0AB87278-7B9C-4920-9FCB-FE0288CF147C}" dt="2023-05-12T17:41:04.123" v="3993" actId="14100"/>
          <ac:cxnSpMkLst>
            <pc:docMk/>
            <pc:sldMk cId="100206225" sldId="2147374206"/>
            <ac:cxnSpMk id="133" creationId="{F7EC462C-60EE-3316-2461-E38D878B91F8}"/>
          </ac:cxnSpMkLst>
        </pc:cxnChg>
      </pc:sldChg>
      <pc:sldChg chg="modSp add mod">
        <pc:chgData name="Sorour Falahati" userId="8955ae62-45ff-43c9-8c3d-6aad30f36d67" providerId="ADAL" clId="{0AB87278-7B9C-4920-9FCB-FE0288CF147C}" dt="2023-05-12T17:44:50.985" v="4025" actId="14100"/>
        <pc:sldMkLst>
          <pc:docMk/>
          <pc:sldMk cId="1221818596" sldId="2147374207"/>
        </pc:sldMkLst>
        <pc:spChg chg="mod">
          <ac:chgData name="Sorour Falahati" userId="8955ae62-45ff-43c9-8c3d-6aad30f36d67" providerId="ADAL" clId="{0AB87278-7B9C-4920-9FCB-FE0288CF147C}" dt="2023-05-12T17:43:36.355" v="4022" actId="14100"/>
          <ac:spMkLst>
            <pc:docMk/>
            <pc:sldMk cId="1221818596" sldId="2147374207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44:22.333" v="4024" actId="14100"/>
          <ac:spMkLst>
            <pc:docMk/>
            <pc:sldMk cId="1221818596" sldId="2147374207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7:44:50.985" v="4025" actId="14100"/>
          <ac:spMkLst>
            <pc:docMk/>
            <pc:sldMk cId="1221818596" sldId="2147374207"/>
            <ac:spMk id="121" creationId="{0F59E18B-17D7-AC14-FF51-9B9F76889AE7}"/>
          </ac:spMkLst>
        </pc:spChg>
      </pc:sldChg>
      <pc:sldChg chg="addSp modSp add mod">
        <pc:chgData name="Sorour Falahati" userId="8955ae62-45ff-43c9-8c3d-6aad30f36d67" providerId="ADAL" clId="{0AB87278-7B9C-4920-9FCB-FE0288CF147C}" dt="2023-05-12T18:05:02.458" v="4542" actId="1036"/>
        <pc:sldMkLst>
          <pc:docMk/>
          <pc:sldMk cId="926952797" sldId="2147374208"/>
        </pc:sldMkLst>
        <pc:spChg chg="mod">
          <ac:chgData name="Sorour Falahati" userId="8955ae62-45ff-43c9-8c3d-6aad30f36d67" providerId="ADAL" clId="{0AB87278-7B9C-4920-9FCB-FE0288CF147C}" dt="2023-05-12T18:02:55.642" v="4464" actId="20577"/>
          <ac:spMkLst>
            <pc:docMk/>
            <pc:sldMk cId="926952797" sldId="2147374208"/>
            <ac:spMk id="99" creationId="{860B1F00-A9BD-400D-1199-EF821AC68DE6}"/>
          </ac:spMkLst>
        </pc:spChg>
        <pc:spChg chg="mod">
          <ac:chgData name="Sorour Falahati" userId="8955ae62-45ff-43c9-8c3d-6aad30f36d67" providerId="ADAL" clId="{0AB87278-7B9C-4920-9FCB-FE0288CF147C}" dt="2023-05-12T17:57:04.722" v="4164" actId="14100"/>
          <ac:spMkLst>
            <pc:docMk/>
            <pc:sldMk cId="926952797" sldId="2147374208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57:22.835" v="4165" actId="14100"/>
          <ac:spMkLst>
            <pc:docMk/>
            <pc:sldMk cId="926952797" sldId="2147374208"/>
            <ac:spMk id="119" creationId="{6D01ADEE-2F1A-F1CC-EAD4-898BF0AC72A5}"/>
          </ac:spMkLst>
        </pc:spChg>
        <pc:spChg chg="mod">
          <ac:chgData name="Sorour Falahati" userId="8955ae62-45ff-43c9-8c3d-6aad30f36d67" providerId="ADAL" clId="{0AB87278-7B9C-4920-9FCB-FE0288CF147C}" dt="2023-05-12T17:59:28.039" v="4294" actId="1036"/>
          <ac:spMkLst>
            <pc:docMk/>
            <pc:sldMk cId="926952797" sldId="2147374208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8:04:03.162" v="4473" actId="14100"/>
          <ac:spMkLst>
            <pc:docMk/>
            <pc:sldMk cId="926952797" sldId="2147374208"/>
            <ac:spMk id="121" creationId="{0F59E18B-17D7-AC14-FF51-9B9F76889AE7}"/>
          </ac:spMkLst>
        </pc:spChg>
        <pc:spChg chg="mod">
          <ac:chgData name="Sorour Falahati" userId="8955ae62-45ff-43c9-8c3d-6aad30f36d67" providerId="ADAL" clId="{0AB87278-7B9C-4920-9FCB-FE0288CF147C}" dt="2023-05-12T18:02:03.713" v="4440" actId="14100"/>
          <ac:spMkLst>
            <pc:docMk/>
            <pc:sldMk cId="926952797" sldId="2147374208"/>
            <ac:spMk id="122" creationId="{837F5496-0C81-C35C-01BC-BC3939627AEC}"/>
          </ac:spMkLst>
        </pc:spChg>
        <pc:spChg chg="mod">
          <ac:chgData name="Sorour Falahati" userId="8955ae62-45ff-43c9-8c3d-6aad30f36d67" providerId="ADAL" clId="{0AB87278-7B9C-4920-9FCB-FE0288CF147C}" dt="2023-05-12T18:03:07.321" v="4468" actId="20577"/>
          <ac:spMkLst>
            <pc:docMk/>
            <pc:sldMk cId="926952797" sldId="2147374208"/>
            <ac:spMk id="123" creationId="{99E6D962-3966-8553-5416-A806DD2FE1C3}"/>
          </ac:spMkLst>
        </pc:spChg>
        <pc:spChg chg="mod">
          <ac:chgData name="Sorour Falahati" userId="8955ae62-45ff-43c9-8c3d-6aad30f36d67" providerId="ADAL" clId="{0AB87278-7B9C-4920-9FCB-FE0288CF147C}" dt="2023-05-12T18:03:32.246" v="4472" actId="20577"/>
          <ac:spMkLst>
            <pc:docMk/>
            <pc:sldMk cId="926952797" sldId="2147374208"/>
            <ac:spMk id="126" creationId="{2B205144-98D5-5920-438E-270B35154DC9}"/>
          </ac:spMkLst>
        </pc:spChg>
        <pc:spChg chg="mod">
          <ac:chgData name="Sorour Falahati" userId="8955ae62-45ff-43c9-8c3d-6aad30f36d67" providerId="ADAL" clId="{0AB87278-7B9C-4920-9FCB-FE0288CF147C}" dt="2023-05-12T18:04:42.245" v="4540" actId="1037"/>
          <ac:spMkLst>
            <pc:docMk/>
            <pc:sldMk cId="926952797" sldId="2147374208"/>
            <ac:spMk id="128" creationId="{79FFEA66-FF81-780A-8EC3-FCF3461A762B}"/>
          </ac:spMkLst>
        </pc:spChg>
        <pc:spChg chg="mod">
          <ac:chgData name="Sorour Falahati" userId="8955ae62-45ff-43c9-8c3d-6aad30f36d67" providerId="ADAL" clId="{0AB87278-7B9C-4920-9FCB-FE0288CF147C}" dt="2023-05-12T18:05:02.458" v="4542" actId="1036"/>
          <ac:spMkLst>
            <pc:docMk/>
            <pc:sldMk cId="926952797" sldId="2147374208"/>
            <ac:spMk id="132" creationId="{647C0C5F-3051-AB25-9AD5-CDAC7BC56D0B}"/>
          </ac:spMkLst>
        </pc:spChg>
        <pc:grpChg chg="add mod">
          <ac:chgData name="Sorour Falahati" userId="8955ae62-45ff-43c9-8c3d-6aad30f36d67" providerId="ADAL" clId="{0AB87278-7B9C-4920-9FCB-FE0288CF147C}" dt="2023-05-12T17:56:03.684" v="4111" actId="164"/>
          <ac:grpSpMkLst>
            <pc:docMk/>
            <pc:sldMk cId="926952797" sldId="2147374208"/>
            <ac:grpSpMk id="2" creationId="{283C88E2-90C1-99C5-F756-D18073107E02}"/>
          </ac:grpSpMkLst>
        </pc:grpChg>
        <pc:cxnChg chg="mod">
          <ac:chgData name="Sorour Falahati" userId="8955ae62-45ff-43c9-8c3d-6aad30f36d67" providerId="ADAL" clId="{0AB87278-7B9C-4920-9FCB-FE0288CF147C}" dt="2023-05-12T17:56:46.038" v="4163" actId="1038"/>
          <ac:cxnSpMkLst>
            <pc:docMk/>
            <pc:sldMk cId="926952797" sldId="2147374208"/>
            <ac:cxnSpMk id="115" creationId="{D8DFDF79-C822-E338-F362-0ABA04657BD0}"/>
          </ac:cxnSpMkLst>
        </pc:cxnChg>
        <pc:cxnChg chg="mod">
          <ac:chgData name="Sorour Falahati" userId="8955ae62-45ff-43c9-8c3d-6aad30f36d67" providerId="ADAL" clId="{0AB87278-7B9C-4920-9FCB-FE0288CF147C}" dt="2023-05-12T17:58:07.540" v="4229" actId="1037"/>
          <ac:cxnSpMkLst>
            <pc:docMk/>
            <pc:sldMk cId="926952797" sldId="2147374208"/>
            <ac:cxnSpMk id="124" creationId="{5D1DBEE5-DC7B-9D51-24E5-E73C37EBFE6C}"/>
          </ac:cxnSpMkLst>
        </pc:cxnChg>
        <pc:cxnChg chg="mod">
          <ac:chgData name="Sorour Falahati" userId="8955ae62-45ff-43c9-8c3d-6aad30f36d67" providerId="ADAL" clId="{0AB87278-7B9C-4920-9FCB-FE0288CF147C}" dt="2023-05-12T17:59:18.802" v="4287" actId="1037"/>
          <ac:cxnSpMkLst>
            <pc:docMk/>
            <pc:sldMk cId="926952797" sldId="2147374208"/>
            <ac:cxnSpMk id="127" creationId="{97E768C0-7E88-1CA0-549C-8B8C8D0B1A9C}"/>
          </ac:cxnSpMkLst>
        </pc:cxnChg>
        <pc:cxnChg chg="mod">
          <ac:chgData name="Sorour Falahati" userId="8955ae62-45ff-43c9-8c3d-6aad30f36d67" providerId="ADAL" clId="{0AB87278-7B9C-4920-9FCB-FE0288CF147C}" dt="2023-05-12T18:04:37.496" v="4531" actId="1037"/>
          <ac:cxnSpMkLst>
            <pc:docMk/>
            <pc:sldMk cId="926952797" sldId="2147374208"/>
            <ac:cxnSpMk id="129" creationId="{7DCF6163-C96A-6275-EAC2-69CA11CD9FE0}"/>
          </ac:cxnSpMkLst>
        </pc:cxnChg>
        <pc:cxnChg chg="mod">
          <ac:chgData name="Sorour Falahati" userId="8955ae62-45ff-43c9-8c3d-6aad30f36d67" providerId="ADAL" clId="{0AB87278-7B9C-4920-9FCB-FE0288CF147C}" dt="2023-05-12T18:02:32.235" v="4462" actId="14100"/>
          <ac:cxnSpMkLst>
            <pc:docMk/>
            <pc:sldMk cId="926952797" sldId="2147374208"/>
            <ac:cxnSpMk id="133" creationId="{F7EC462C-60EE-3316-2461-E38D878B91F8}"/>
          </ac:cxnSpMkLst>
        </pc:cxnChg>
      </pc:sldChg>
      <pc:sldChg chg="addSp delSp modSp add mod">
        <pc:chgData name="Sorour Falahati" userId="8955ae62-45ff-43c9-8c3d-6aad30f36d67" providerId="ADAL" clId="{0AB87278-7B9C-4920-9FCB-FE0288CF147C}" dt="2023-05-12T18:08:35.381" v="4806" actId="1036"/>
        <pc:sldMkLst>
          <pc:docMk/>
          <pc:sldMk cId="4236009957" sldId="2147374209"/>
        </pc:sldMkLst>
        <pc:spChg chg="mod">
          <ac:chgData name="Sorour Falahati" userId="8955ae62-45ff-43c9-8c3d-6aad30f36d67" providerId="ADAL" clId="{0AB87278-7B9C-4920-9FCB-FE0288CF147C}" dt="2023-05-12T18:08:35.381" v="4806" actId="1036"/>
          <ac:spMkLst>
            <pc:docMk/>
            <pc:sldMk cId="4236009957" sldId="2147374209"/>
            <ac:spMk id="2" creationId="{0E4B3F98-D7D0-EAC7-8FC1-7FD375881045}"/>
          </ac:spMkLst>
        </pc:spChg>
        <pc:spChg chg="mod">
          <ac:chgData name="Sorour Falahati" userId="8955ae62-45ff-43c9-8c3d-6aad30f36d67" providerId="ADAL" clId="{0AB87278-7B9C-4920-9FCB-FE0288CF147C}" dt="2023-05-12T18:08:12.315" v="4771" actId="1037"/>
          <ac:spMkLst>
            <pc:docMk/>
            <pc:sldMk cId="4236009957" sldId="214737420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8:08:17.183" v="4790" actId="1038"/>
          <ac:spMkLst>
            <pc:docMk/>
            <pc:sldMk cId="4236009957" sldId="2147374209"/>
            <ac:spMk id="19" creationId="{C40BFD8A-6394-CBE2-ABA2-EDECCA53B97B}"/>
          </ac:spMkLst>
        </pc:spChg>
        <pc:grpChg chg="del">
          <ac:chgData name="Sorour Falahati" userId="8955ae62-45ff-43c9-8c3d-6aad30f36d67" providerId="ADAL" clId="{0AB87278-7B9C-4920-9FCB-FE0288CF147C}" dt="2023-05-12T18:06:23.300" v="4576" actId="165"/>
          <ac:grpSpMkLst>
            <pc:docMk/>
            <pc:sldMk cId="4236009957" sldId="2147374209"/>
            <ac:grpSpMk id="62" creationId="{5236B71A-6A49-4F44-744C-8A555FE99D9B}"/>
          </ac:grpSpMkLst>
        </pc:grpChg>
        <pc:cxnChg chg="add mod">
          <ac:chgData name="Sorour Falahati" userId="8955ae62-45ff-43c9-8c3d-6aad30f36d67" providerId="ADAL" clId="{0AB87278-7B9C-4920-9FCB-FE0288CF147C}" dt="2023-05-12T18:06:35.289" v="4621" actId="1035"/>
          <ac:cxnSpMkLst>
            <pc:docMk/>
            <pc:sldMk cId="4236009957" sldId="2147374209"/>
            <ac:cxnSpMk id="3" creationId="{27EAE9BB-0D4D-1777-836A-3F16A9889D9E}"/>
          </ac:cxnSpMkLst>
        </pc:cxnChg>
        <pc:cxnChg chg="add mod">
          <ac:chgData name="Sorour Falahati" userId="8955ae62-45ff-43c9-8c3d-6aad30f36d67" providerId="ADAL" clId="{0AB87278-7B9C-4920-9FCB-FE0288CF147C}" dt="2023-05-12T18:06:54.849" v="4674" actId="1035"/>
          <ac:cxnSpMkLst>
            <pc:docMk/>
            <pc:sldMk cId="4236009957" sldId="2147374209"/>
            <ac:cxnSpMk id="5" creationId="{49A167C6-521E-0A57-8575-2B546093FAF8}"/>
          </ac:cxnSpMkLst>
        </pc:cxnChg>
        <pc:cxnChg chg="add mod">
          <ac:chgData name="Sorour Falahati" userId="8955ae62-45ff-43c9-8c3d-6aad30f36d67" providerId="ADAL" clId="{0AB87278-7B9C-4920-9FCB-FE0288CF147C}" dt="2023-05-12T18:07:04.907" v="4740" actId="1038"/>
          <ac:cxnSpMkLst>
            <pc:docMk/>
            <pc:sldMk cId="4236009957" sldId="2147374209"/>
            <ac:cxnSpMk id="6" creationId="{F2682B9E-1FFF-6530-2846-05C76BE3A0F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3" creationId="{E5FB778B-B239-0A2E-72F2-0F2E4C46EFEF}"/>
          </ac:cxnSpMkLst>
        </pc:cxnChg>
        <pc:cxnChg chg="mod">
          <ac:chgData name="Sorour Falahati" userId="8955ae62-45ff-43c9-8c3d-6aad30f36d67" providerId="ADAL" clId="{0AB87278-7B9C-4920-9FCB-FE0288CF147C}" dt="2023-05-12T18:07:40.689" v="4745" actId="14100"/>
          <ac:cxnSpMkLst>
            <pc:docMk/>
            <pc:sldMk cId="4236009957" sldId="2147374209"/>
            <ac:cxnSpMk id="58" creationId="{3B340948-FEC3-A499-1359-189115CA55B1}"/>
          </ac:cxnSpMkLst>
        </pc:cxnChg>
        <pc:cxnChg chg="mod">
          <ac:chgData name="Sorour Falahati" userId="8955ae62-45ff-43c9-8c3d-6aad30f36d67" providerId="ADAL" clId="{0AB87278-7B9C-4920-9FCB-FE0288CF147C}" dt="2023-05-12T18:08:05.136" v="4750" actId="14100"/>
          <ac:cxnSpMkLst>
            <pc:docMk/>
            <pc:sldMk cId="4236009957" sldId="2147374209"/>
            <ac:cxnSpMk id="59" creationId="{BA857CFF-2BF4-4604-1C3C-92F1C2202AAF}"/>
          </ac:cxnSpMkLst>
        </pc:cxnChg>
      </pc:sldChg>
      <pc:sldMasterChg chg="modSldLayout">
        <pc:chgData name="Sorour Falahati" userId="8955ae62-45ff-43c9-8c3d-6aad30f36d67" providerId="ADAL" clId="{0AB87278-7B9C-4920-9FCB-FE0288CF147C}" dt="2023-05-16T15:57:27.238" v="5592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0AB87278-7B9C-4920-9FCB-FE0288CF147C}" dt="2023-05-16T15:57:27.049" v="543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0AB87278-7B9C-4920-9FCB-FE0288CF147C}" dt="2023-05-16T15:57:27.049" v="543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9" v="544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0AB87278-7B9C-4920-9FCB-FE0288CF147C}" dt="2023-05-16T15:57:27.059" v="544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3" v="544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0AB87278-7B9C-4920-9FCB-FE0288CF147C}" dt="2023-05-16T15:57:27.063" v="544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7" v="544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0AB87278-7B9C-4920-9FCB-FE0288CF147C}" dt="2023-05-16T15:57:27.067" v="544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2" v="545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0AB87278-7B9C-4920-9FCB-FE0288CF147C}" dt="2023-05-16T15:57:27.072" v="545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9" v="545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0AB87278-7B9C-4920-9FCB-FE0288CF147C}" dt="2023-05-16T15:57:27.079" v="545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2" v="546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0AB87278-7B9C-4920-9FCB-FE0288CF147C}" dt="2023-05-16T15:57:27.082" v="546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7" v="546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0AB87278-7B9C-4920-9FCB-FE0288CF147C}" dt="2023-05-16T15:57:27.087" v="546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1" v="546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0AB87278-7B9C-4920-9FCB-FE0288CF147C}" dt="2023-05-16T15:57:27.091" v="546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5" v="547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0AB87278-7B9C-4920-9FCB-FE0288CF147C}" dt="2023-05-16T15:57:27.095" v="547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9" v="547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0AB87278-7B9C-4920-9FCB-FE0288CF147C}" dt="2023-05-16T15:57:27.099" v="547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7" v="548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0AB87278-7B9C-4920-9FCB-FE0288CF147C}" dt="2023-05-16T15:57:27.107" v="548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6" v="551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0AB87278-7B9C-4920-9FCB-FE0288CF147C}" dt="2023-05-16T15:57:27.146" v="551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8" v="554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0AB87278-7B9C-4920-9FCB-FE0288CF147C}" dt="2023-05-16T15:57:27.178" v="554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2" v="554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0AB87278-7B9C-4920-9FCB-FE0288CF147C}" dt="2023-05-16T15:57:27.182" v="554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1" v="557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0AB87278-7B9C-4920-9FCB-FE0288CF147C}" dt="2023-05-16T15:57:27.211" v="557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8" v="557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0AB87278-7B9C-4920-9FCB-FE0288CF147C}" dt="2023-05-16T15:57:27.218" v="557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2" v="558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0AB87278-7B9C-4920-9FCB-FE0288CF147C}" dt="2023-05-16T15:57:27.222" v="558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7" v="558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0AB87278-7B9C-4920-9FCB-FE0288CF147C}" dt="2023-05-16T15:57:27.227" v="558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8" v="559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0AB87278-7B9C-4920-9FCB-FE0288CF147C}" dt="2023-05-16T15:57:27.238" v="559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8" v="552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0AB87278-7B9C-4920-9FCB-FE0288CF147C}" dt="2023-05-16T15:57:27.158" v="552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3" v="553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0AB87278-7B9C-4920-9FCB-FE0288CF147C}" dt="2023-05-16T15:57:27.163" v="553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9" v="553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0AB87278-7B9C-4920-9FCB-FE0288CF147C}" dt="2023-05-16T15:57:27.169" v="553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4" v="554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0AB87278-7B9C-4920-9FCB-FE0288CF147C}" dt="2023-05-16T15:57:27.174" v="554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6" v="555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0AB87278-7B9C-4920-9FCB-FE0288CF147C}" dt="2023-05-16T15:57:27.186" v="555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1" v="555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0AB87278-7B9C-4920-9FCB-FE0288CF147C}" dt="2023-05-16T15:57:27.191" v="555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6" v="556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0AB87278-7B9C-4920-9FCB-FE0288CF147C}" dt="2023-05-16T15:57:27.196" v="556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1" v="556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0AB87278-7B9C-4920-9FCB-FE0288CF147C}" dt="2023-05-16T15:57:27.201" v="556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3" v="558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0AB87278-7B9C-4920-9FCB-FE0288CF147C}" dt="2023-05-16T15:57:27.233" v="558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2" v="548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0AB87278-7B9C-4920-9FCB-FE0288CF147C}" dt="2023-05-16T15:57:27.102" v="548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4" v="543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0AB87278-7B9C-4920-9FCB-FE0288CF147C}" dt="2023-05-16T15:57:27.054" v="543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4" v="552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0AB87278-7B9C-4920-9FCB-FE0288CF147C}" dt="2023-05-16T15:57:27.154" v="552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6" v="556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0AB87278-7B9C-4920-9FCB-FE0288CF147C}" dt="2023-05-16T15:57:27.206" v="556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3" v="548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0AB87278-7B9C-4920-9FCB-FE0288CF147C}" dt="2023-05-16T15:57:27.113" v="548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7" v="549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0AB87278-7B9C-4920-9FCB-FE0288CF147C}" dt="2023-05-16T15:57:27.117" v="549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2" v="549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0AB87278-7B9C-4920-9FCB-FE0288CF147C}" dt="2023-05-16T15:57:27.122" v="549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7" v="550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0AB87278-7B9C-4920-9FCB-FE0288CF147C}" dt="2023-05-16T15:57:27.127" v="550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1" v="550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0AB87278-7B9C-4920-9FCB-FE0288CF147C}" dt="2023-05-16T15:57:27.131" v="550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7" v="550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0AB87278-7B9C-4920-9FCB-FE0288CF147C}" dt="2023-05-16T15:57:27.137" v="550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1" v="551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0AB87278-7B9C-4920-9FCB-FE0288CF147C}" dt="2023-05-16T15:57:27.141" v="551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0" v="552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0AB87278-7B9C-4920-9FCB-FE0288CF147C}" dt="2023-05-16T15:57:27.150" v="552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C619365D-1215-49BD-8138-44A5DB1BAE6B}"/>
    <pc:docChg chg="undo custSel addSld delSld modSld sldOrd modMainMaster">
      <pc:chgData name="Sorour Falahati" userId="8955ae62-45ff-43c9-8c3d-6aad30f36d67" providerId="ADAL" clId="{C619365D-1215-49BD-8138-44A5DB1BAE6B}" dt="2023-04-12T05:46:10.253" v="8899" actId="14"/>
      <pc:docMkLst>
        <pc:docMk/>
      </pc:docMkLst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00200050" sldId="27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00358051" sldId="27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43472871" sldId="28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929369301" sldId="28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49509894" sldId="28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47718824" sldId="28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23490994" sldId="28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73748654" sldId="28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253234961" sldId="28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97156445" sldId="29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12381442" sldId="29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32142006" sldId="29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70941710" sldId="2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876184921" sldId="29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23949454" sldId="29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86926967" sldId="29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63587410" sldId="29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649763802" sldId="30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49439622" sldId="30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13800063" sldId="30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51740723" sldId="30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39241597" sldId="30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756528014" sldId="30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90955246" sldId="30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51807957" sldId="30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33780611" sldId="30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77923286" sldId="30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01679739" sldId="31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27767616" sldId="31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5047321" sldId="31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015849" sldId="31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87677175" sldId="31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8827139" sldId="31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650326" sldId="31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05820340" sldId="31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42212871" sldId="31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17969038" sldId="31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080479615" sldId="32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478520" sldId="321"/>
        </pc:sldMkLst>
      </pc:sldChg>
      <pc:sldChg chg="modSp mod">
        <pc:chgData name="Sorour Falahati" userId="8955ae62-45ff-43c9-8c3d-6aad30f36d67" providerId="ADAL" clId="{C619365D-1215-49BD-8138-44A5DB1BAE6B}" dt="2023-04-11T20:30:17.832" v="8867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C619365D-1215-49BD-8138-44A5DB1BAE6B}" dt="2023-04-11T20:30:12.560" v="8866" actId="20577"/>
          <ac:spMkLst>
            <pc:docMk/>
            <pc:sldMk cId="3801232438" sldId="322"/>
            <ac:spMk id="2" creationId="{FC0112F8-BA55-493D-9268-3CD81DF9583F}"/>
          </ac:spMkLst>
        </pc:spChg>
        <pc:spChg chg="mod">
          <ac:chgData name="Sorour Falahati" userId="8955ae62-45ff-43c9-8c3d-6aad30f36d67" providerId="ADAL" clId="{C619365D-1215-49BD-8138-44A5DB1BAE6B}" dt="2023-04-11T20:30:17.832" v="8867" actId="20577"/>
          <ac:spMkLst>
            <pc:docMk/>
            <pc:sldMk cId="3801232438" sldId="322"/>
            <ac:spMk id="3" creationId="{0D450013-5B2B-4E80-9041-11395B16488E}"/>
          </ac:spMkLst>
        </pc:sp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62877046" sldId="32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3006618" sldId="32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45902174" sldId="32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6125687" sldId="32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710448326" sldId="32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98916134" sldId="33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206860440" sldId="332"/>
        </pc:sldMkLst>
      </pc:sldChg>
      <pc:sldChg chg="modSp del mod">
        <pc:chgData name="Sorour Falahati" userId="8955ae62-45ff-43c9-8c3d-6aad30f36d67" providerId="ADAL" clId="{C619365D-1215-49BD-8138-44A5DB1BAE6B}" dt="2023-04-11T20:30:06.610" v="8861" actId="47"/>
        <pc:sldMkLst>
          <pc:docMk/>
          <pc:sldMk cId="3106438973" sldId="335"/>
        </pc:sldMkLst>
        <pc:spChg chg="mod">
          <ac:chgData name="Sorour Falahati" userId="8955ae62-45ff-43c9-8c3d-6aad30f36d67" providerId="ADAL" clId="{C619365D-1215-49BD-8138-44A5DB1BAE6B}" dt="2023-04-11T17:47:41.630" v="2889" actId="20577"/>
          <ac:spMkLst>
            <pc:docMk/>
            <pc:sldMk cId="3106438973" sldId="335"/>
            <ac:spMk id="9" creationId="{0ABF8838-5AE1-52EE-8907-0C120EB29799}"/>
          </ac:spMkLst>
        </pc:spChg>
        <pc:picChg chg="mod">
          <ac:chgData name="Sorour Falahati" userId="8955ae62-45ff-43c9-8c3d-6aad30f36d67" providerId="ADAL" clId="{C619365D-1215-49BD-8138-44A5DB1BAE6B}" dt="2023-04-11T17:47:51.055" v="2919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7:46.288" v="2908" actId="1035"/>
          <ac:picMkLst>
            <pc:docMk/>
            <pc:sldMk cId="3106438973" sldId="335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57741460" sldId="33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78765427" sldId="33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418868563" sldId="21473741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21568580" sldId="2147374195"/>
        </pc:sldMkLst>
      </pc:sldChg>
      <pc:sldChg chg="addSp delSp modSp add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845778881" sldId="2147374196"/>
        </pc:sldMkLst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6" creationId="{D118FCED-B65A-4E6D-9976-2DFD39C119C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5" creationId="{DF9863FF-3603-4331-8EF6-901D95D14BB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6" creationId="{177872B1-5ADF-4BF2-84D5-574669CD41EE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28" creationId="{E737BD74-53AF-42CE-93DD-17EE12E2AEED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2" creationId="{6E899B11-D20A-41F2-9F9E-ED9541295FA7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36" creationId="{168CEFD3-A234-4F73-833B-65BF2B2F8A74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7" creationId="{75F9D87A-E505-4A53-AD8A-B1AF430AB7BF}"/>
          </ac:spMkLst>
        </pc:spChg>
        <pc:grpChg chg="add mod">
          <ac:chgData name="Sorour Falahati" userId="8955ae62-45ff-43c9-8c3d-6aad30f36d67" providerId="ADAL" clId="{C619365D-1215-49BD-8138-44A5DB1BAE6B}" dt="2023-04-11T14:47:40.041" v="958" actId="5736"/>
          <ac:grpSpMkLst>
            <pc:docMk/>
            <pc:sldMk cId="845778881" sldId="2147374196"/>
            <ac:grpSpMk id="3" creationId="{A4550DF2-8C99-0E5B-CEA1-92BC9DB36531}"/>
          </ac:grpSpMkLst>
        </pc:grpChg>
        <pc:grpChg chg="add del mod">
          <ac:chgData name="Sorour Falahati" userId="8955ae62-45ff-43c9-8c3d-6aad30f36d67" providerId="ADAL" clId="{C619365D-1215-49BD-8138-44A5DB1BAE6B}" dt="2023-04-05T20:46:49.076" v="534" actId="165"/>
          <ac:grpSpMkLst>
            <pc:docMk/>
            <pc:sldMk cId="845778881" sldId="2147374196"/>
            <ac:grpSpMk id="3" creationId="{E2884BF2-E391-2387-1BDE-709A2BB0D184}"/>
          </ac:grpSpMkLst>
        </pc:grpChg>
        <pc:grpChg chg="add del mod">
          <ac:chgData name="Sorour Falahati" userId="8955ae62-45ff-43c9-8c3d-6aad30f36d67" providerId="ADAL" clId="{C619365D-1215-49BD-8138-44A5DB1BAE6B}" dt="2023-04-11T14:46:30.312" v="956" actId="165"/>
          <ac:grpSpMkLst>
            <pc:docMk/>
            <pc:sldMk cId="845778881" sldId="2147374196"/>
            <ac:grpSpMk id="4" creationId="{3AC3ADE0-EA4F-0FCB-8C15-0703F059E4BC}"/>
          </ac:grpSpMkLst>
        </pc:grpChg>
        <pc:graphicFrameChg chg="add 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" creationId="{C24071C6-AFDC-0916-3F46-54726A923B0B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7" creationId="{6161E75C-B40E-4471-B191-93ECDFB0C199}"/>
          </ac:graphicFrameMkLst>
        </pc:graphicFrameChg>
        <pc:graphicFrameChg chg="del mod modGraphic">
          <ac:chgData name="Sorour Falahati" userId="8955ae62-45ff-43c9-8c3d-6aad30f36d67" providerId="ADAL" clId="{C619365D-1215-49BD-8138-44A5DB1BAE6B}" dt="2023-04-05T20:42:09.787" v="487" actId="478"/>
          <ac:graphicFrameMkLst>
            <pc:docMk/>
            <pc:sldMk cId="845778881" sldId="2147374196"/>
            <ac:graphicFrameMk id="25" creationId="{331EB786-C396-4EA7-B9A6-AF9ED457CD53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6" creationId="{138CB7A4-48A7-4CD3-9925-21B8AF941E2C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7" creationId="{CA460C91-1B00-4CD4-A916-A25BA1F841C8}"/>
          </ac:graphicFrameMkLst>
        </pc:graphicFrameChg>
        <pc:graphicFrameChg chg="mod modGraphic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3" creationId="{CD15E79B-C830-4360-9B3D-498733C5339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4" creationId="{06F1674F-282B-4A08-8651-F3CEA36E601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5" creationId="{F463C73E-3832-4F53-855E-562F55644FFA}"/>
          </ac:graphicFrameMkLst>
        </pc:graphicFrame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9" creationId="{6E3C5CD7-EC81-4D87-9E72-88A0EDC5487A}"/>
          </ac:cxnSpMkLst>
        </pc:cxn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12" creationId="{0A306EED-8541-4131-A1F1-F907BC26A096}"/>
          </ac:cxnSpMkLst>
        </pc:cxnChg>
      </pc:sldChg>
      <pc:sldChg chg="modSp add mod">
        <pc:chgData name="Sorour Falahati" userId="8955ae62-45ff-43c9-8c3d-6aad30f36d67" providerId="ADAL" clId="{C619365D-1215-49BD-8138-44A5DB1BAE6B}" dt="2023-04-05T20:18:00.330" v="175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C619365D-1215-49BD-8138-44A5DB1BAE6B}" dt="2023-04-05T20:17:55.282" v="170" actId="20577"/>
          <ac:spMkLst>
            <pc:docMk/>
            <pc:sldMk cId="96551546" sldId="2147374197"/>
            <ac:spMk id="2" creationId="{6B5A3DD6-E57B-5872-7B6B-A0BAF0BC099A}"/>
          </ac:spMkLst>
        </pc:spChg>
        <pc:spChg chg="mod">
          <ac:chgData name="Sorour Falahati" userId="8955ae62-45ff-43c9-8c3d-6aad30f36d67" providerId="ADAL" clId="{C619365D-1215-49BD-8138-44A5DB1BAE6B}" dt="2023-04-05T20:18:00.330" v="175" actId="20577"/>
          <ac:spMkLst>
            <pc:docMk/>
            <pc:sldMk cId="96551546" sldId="2147374197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2106301523" sldId="2147374198"/>
        </pc:sldMkLst>
        <pc:spChg chg="add mod">
          <ac:chgData name="Sorour Falahati" userId="8955ae62-45ff-43c9-8c3d-6aad30f36d67" providerId="ADAL" clId="{C619365D-1215-49BD-8138-44A5DB1BAE6B}" dt="2023-04-06T09:28:51.186" v="763" actId="404"/>
          <ac:spMkLst>
            <pc:docMk/>
            <pc:sldMk cId="2106301523" sldId="2147374198"/>
            <ac:spMk id="2" creationId="{17F94C5B-EE25-8BA1-264B-7234C059BEF8}"/>
          </ac:spMkLst>
        </pc:spChg>
        <pc:spChg chg="add mod">
          <ac:chgData name="Sorour Falahati" userId="8955ae62-45ff-43c9-8c3d-6aad30f36d67" providerId="ADAL" clId="{C619365D-1215-49BD-8138-44A5DB1BAE6B}" dt="2023-04-06T09:27:32.076" v="704" actId="1036"/>
          <ac:spMkLst>
            <pc:docMk/>
            <pc:sldMk cId="2106301523" sldId="2147374198"/>
            <ac:spMk id="3" creationId="{0AC58BDB-153B-CDEF-B3E7-40B6B05A0EC6}"/>
          </ac:spMkLst>
        </pc:spChg>
        <pc:spChg chg="add mod">
          <ac:chgData name="Sorour Falahati" userId="8955ae62-45ff-43c9-8c3d-6aad30f36d67" providerId="ADAL" clId="{C619365D-1215-49BD-8138-44A5DB1BAE6B}" dt="2023-04-06T09:30:29.058" v="784" actId="404"/>
          <ac:spMkLst>
            <pc:docMk/>
            <pc:sldMk cId="2106301523" sldId="2147374198"/>
            <ac:spMk id="4" creationId="{E5AF2520-2229-76DA-5352-244FF6862868}"/>
          </ac:spMkLst>
        </pc:spChg>
        <pc:spChg chg="add del mod">
          <ac:chgData name="Sorour Falahati" userId="8955ae62-45ff-43c9-8c3d-6aad30f36d67" providerId="ADAL" clId="{C619365D-1215-49BD-8138-44A5DB1BAE6B}" dt="2023-04-06T09:28:06.154" v="749" actId="478"/>
          <ac:spMkLst>
            <pc:docMk/>
            <pc:sldMk cId="2106301523" sldId="2147374198"/>
            <ac:spMk id="5" creationId="{EDC91057-9E22-55DF-2561-C6F5ABFE5C0B}"/>
          </ac:spMkLst>
        </pc:spChg>
        <pc:spChg chg="add mod">
          <ac:chgData name="Sorour Falahati" userId="8955ae62-45ff-43c9-8c3d-6aad30f36d67" providerId="ADAL" clId="{C619365D-1215-49BD-8138-44A5DB1BAE6B}" dt="2023-04-06T09:28:19.001" v="751" actId="1036"/>
          <ac:spMkLst>
            <pc:docMk/>
            <pc:sldMk cId="2106301523" sldId="2147374198"/>
            <ac:spMk id="6" creationId="{406D15CF-D91D-9817-CC98-1BDA5373D98C}"/>
          </ac:spMkLst>
        </pc:spChg>
        <pc:spChg chg="add mod">
          <ac:chgData name="Sorour Falahati" userId="8955ae62-45ff-43c9-8c3d-6aad30f36d67" providerId="ADAL" clId="{C619365D-1215-49BD-8138-44A5DB1BAE6B}" dt="2023-04-06T09:29:58.666" v="777" actId="122"/>
          <ac:spMkLst>
            <pc:docMk/>
            <pc:sldMk cId="2106301523" sldId="2147374198"/>
            <ac:spMk id="7" creationId="{07DA059D-D64B-1085-4729-0AFD01EACA33}"/>
          </ac:spMkLst>
        </pc:spChg>
        <pc:spChg chg="add mod">
          <ac:chgData name="Sorour Falahati" userId="8955ae62-45ff-43c9-8c3d-6aad30f36d67" providerId="ADAL" clId="{C619365D-1215-49BD-8138-44A5DB1BAE6B}" dt="2023-04-06T09:28:01.513" v="748" actId="1076"/>
          <ac:spMkLst>
            <pc:docMk/>
            <pc:sldMk cId="2106301523" sldId="2147374198"/>
            <ac:spMk id="8" creationId="{E59C5006-1DE9-29E9-3124-47F33CD92A4C}"/>
          </ac:spMkLst>
        </pc:spChg>
        <pc:spChg chg="add">
          <ac:chgData name="Sorour Falahati" userId="8955ae62-45ff-43c9-8c3d-6aad30f36d67" providerId="ADAL" clId="{C619365D-1215-49BD-8138-44A5DB1BAE6B}" dt="2023-04-06T09:30:13.761" v="778" actId="11529"/>
          <ac:spMkLst>
            <pc:docMk/>
            <pc:sldMk cId="2106301523" sldId="2147374198"/>
            <ac:spMk id="21" creationId="{97BCF76E-8623-2268-B159-9AF90CB6CC51}"/>
          </ac:spMkLst>
        </pc:spChg>
        <pc:cxnChg chg="add">
          <ac:chgData name="Sorour Falahati" userId="8955ae62-45ff-43c9-8c3d-6aad30f36d67" providerId="ADAL" clId="{C619365D-1215-49BD-8138-44A5DB1BAE6B}" dt="2023-04-06T09:28:15.562" v="750" actId="11529"/>
          <ac:cxnSpMkLst>
            <pc:docMk/>
            <pc:sldMk cId="2106301523" sldId="2147374198"/>
            <ac:cxnSpMk id="10" creationId="{B6B6E4C7-F300-FC53-E2B7-039DA208ED26}"/>
          </ac:cxnSpMkLst>
        </pc:cxnChg>
        <pc:cxnChg chg="add del mod">
          <ac:chgData name="Sorour Falahati" userId="8955ae62-45ff-43c9-8c3d-6aad30f36d67" providerId="ADAL" clId="{C619365D-1215-49BD-8138-44A5DB1BAE6B}" dt="2023-04-06T09:28:39.284" v="756" actId="478"/>
          <ac:cxnSpMkLst>
            <pc:docMk/>
            <pc:sldMk cId="2106301523" sldId="2147374198"/>
            <ac:cxnSpMk id="11" creationId="{F439FA25-76B4-8914-D277-6DA0E67D9D74}"/>
          </ac:cxnSpMkLst>
        </pc:cxnChg>
        <pc:cxnChg chg="add mod">
          <ac:chgData name="Sorour Falahati" userId="8955ae62-45ff-43c9-8c3d-6aad30f36d67" providerId="ADAL" clId="{C619365D-1215-49BD-8138-44A5DB1BAE6B}" dt="2023-04-06T09:28:33.945" v="755" actId="1076"/>
          <ac:cxnSpMkLst>
            <pc:docMk/>
            <pc:sldMk cId="2106301523" sldId="2147374198"/>
            <ac:cxnSpMk id="12" creationId="{A9147481-A0F9-9984-0CF9-7DE59E62EC28}"/>
          </ac:cxnSpMkLst>
        </pc:cxnChg>
        <pc:cxnChg chg="add del mod">
          <ac:chgData name="Sorour Falahati" userId="8955ae62-45ff-43c9-8c3d-6aad30f36d67" providerId="ADAL" clId="{C619365D-1215-49BD-8138-44A5DB1BAE6B}" dt="2023-04-06T09:29:21.513" v="768" actId="478"/>
          <ac:cxnSpMkLst>
            <pc:docMk/>
            <pc:sldMk cId="2106301523" sldId="2147374198"/>
            <ac:cxnSpMk id="14" creationId="{BF5BF1DB-7A67-AC52-588B-F04691788525}"/>
          </ac:cxnSpMkLst>
        </pc:cxnChg>
        <pc:cxnChg chg="add mod">
          <ac:chgData name="Sorour Falahati" userId="8955ae62-45ff-43c9-8c3d-6aad30f36d67" providerId="ADAL" clId="{C619365D-1215-49BD-8138-44A5DB1BAE6B}" dt="2023-04-06T09:29:33.186" v="771" actId="14100"/>
          <ac:cxnSpMkLst>
            <pc:docMk/>
            <pc:sldMk cId="2106301523" sldId="2147374198"/>
            <ac:cxnSpMk id="19" creationId="{7A300BC3-2B7D-57FE-3271-D688413C4F8F}"/>
          </ac:cxnSpMkLst>
        </pc:cxnChg>
        <pc:cxnChg chg="add del mod">
          <ac:chgData name="Sorour Falahati" userId="8955ae62-45ff-43c9-8c3d-6aad30f36d67" providerId="ADAL" clId="{C619365D-1215-49BD-8138-44A5DB1BAE6B}" dt="2023-04-06T09:30:43.653" v="787" actId="478"/>
          <ac:cxnSpMkLst>
            <pc:docMk/>
            <pc:sldMk cId="2106301523" sldId="2147374198"/>
            <ac:cxnSpMk id="23" creationId="{36BF1A23-FF2A-97F7-12B3-0827E3D131E4}"/>
          </ac:cxnSpMkLst>
        </pc:cxnChg>
      </pc:sldChg>
      <pc:sldChg chg="addSp delSp modSp add mod ord">
        <pc:chgData name="Sorour Falahati" userId="8955ae62-45ff-43c9-8c3d-6aad30f36d67" providerId="ADAL" clId="{C619365D-1215-49BD-8138-44A5DB1BAE6B}" dt="2023-04-11T19:06:13.388" v="5130" actId="27636"/>
        <pc:sldMkLst>
          <pc:docMk/>
          <pc:sldMk cId="1635178608" sldId="2147374199"/>
        </pc:sldMkLst>
        <pc:spChg chg="mod">
          <ac:chgData name="Sorour Falahati" userId="8955ae62-45ff-43c9-8c3d-6aad30f36d67" providerId="ADAL" clId="{C619365D-1215-49BD-8138-44A5DB1BAE6B}" dt="2023-04-11T16:56:22.678" v="2029" actId="20577"/>
          <ac:spMkLst>
            <pc:docMk/>
            <pc:sldMk cId="1635178608" sldId="2147374199"/>
            <ac:spMk id="2" creationId="{398F1E1F-20F0-B380-756A-2B56E7BC4D83}"/>
          </ac:spMkLst>
        </pc:spChg>
        <pc:spChg chg="mod">
          <ac:chgData name="Sorour Falahati" userId="8955ae62-45ff-43c9-8c3d-6aad30f36d67" providerId="ADAL" clId="{C619365D-1215-49BD-8138-44A5DB1BAE6B}" dt="2023-04-11T16:57:40.294" v="2066" actId="113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C619365D-1215-49BD-8138-44A5DB1BAE6B}" dt="2023-04-11T19:06:13.388" v="5130" actId="27636"/>
          <ac:spMkLst>
            <pc:docMk/>
            <pc:sldMk cId="1635178608" sldId="2147374199"/>
            <ac:spMk id="5" creationId="{7E94C035-E546-75E6-D8E4-153B622DB604}"/>
          </ac:spMkLst>
        </pc:spChg>
        <pc:picChg chg="del">
          <ac:chgData name="Sorour Falahati" userId="8955ae62-45ff-43c9-8c3d-6aad30f36d67" providerId="ADAL" clId="{C619365D-1215-49BD-8138-44A5DB1BAE6B}" dt="2023-04-11T14:45:34.739" v="955" actId="478"/>
          <ac:picMkLst>
            <pc:docMk/>
            <pc:sldMk cId="1635178608" sldId="2147374199"/>
            <ac:picMk id="4" creationId="{6A9614BA-7C78-3195-FE04-3353CA860576}"/>
          </ac:picMkLst>
        </pc:picChg>
        <pc:picChg chg="add mod">
          <ac:chgData name="Sorour Falahati" userId="8955ae62-45ff-43c9-8c3d-6aad30f36d67" providerId="ADAL" clId="{C619365D-1215-49BD-8138-44A5DB1BAE6B}" dt="2023-04-11T16:57:29.790" v="2064" actId="1037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add del mod ord">
        <pc:chgData name="Sorour Falahati" userId="8955ae62-45ff-43c9-8c3d-6aad30f36d67" providerId="ADAL" clId="{C619365D-1215-49BD-8138-44A5DB1BAE6B}" dt="2023-04-11T17:59:28.996" v="3294" actId="2696"/>
        <pc:sldMkLst>
          <pc:docMk/>
          <pc:sldMk cId="4185127888" sldId="2147374200"/>
        </pc:sldMkLst>
        <pc:spChg chg="mod">
          <ac:chgData name="Sorour Falahati" userId="8955ae62-45ff-43c9-8c3d-6aad30f36d67" providerId="ADAL" clId="{C619365D-1215-49BD-8138-44A5DB1BAE6B}" dt="2023-04-11T17:46:29.783" v="2745" actId="20577"/>
          <ac:spMkLst>
            <pc:docMk/>
            <pc:sldMk cId="4185127888" sldId="2147374200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17:26.835" v="2137" actId="478"/>
          <ac:spMkLst>
            <pc:docMk/>
            <pc:sldMk cId="4185127888" sldId="2147374200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46:36.243" v="2747" actId="5793"/>
          <ac:spMkLst>
            <pc:docMk/>
            <pc:sldMk cId="4185127888" sldId="2147374200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17:29.421" v="2138" actId="478"/>
          <ac:spMkLst>
            <pc:docMk/>
            <pc:sldMk cId="4185127888" sldId="2147374200"/>
            <ac:spMk id="11" creationId="{E989F3BF-2C1D-84FB-2F59-5ACC72145661}"/>
          </ac:spMkLst>
        </pc:spChg>
        <pc:graphicFrameChg chg="del modGraphic">
          <ac:chgData name="Sorour Falahati" userId="8955ae62-45ff-43c9-8c3d-6aad30f36d67" providerId="ADAL" clId="{C619365D-1215-49BD-8138-44A5DB1BAE6B}" dt="2023-04-11T17:17:25.621" v="2136" actId="478"/>
          <ac:graphicFrameMkLst>
            <pc:docMk/>
            <pc:sldMk cId="4185127888" sldId="2147374200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17:50.176" v="2161" actId="1035"/>
          <ac:picMkLst>
            <pc:docMk/>
            <pc:sldMk cId="4185127888" sldId="2147374200"/>
            <ac:picMk id="8" creationId="{CCEBDD7A-5A69-2EA0-6E3D-72A1868B9177}"/>
          </ac:picMkLst>
        </pc:picChg>
        <pc:picChg chg="add del mod">
          <ac:chgData name="Sorour Falahati" userId="8955ae62-45ff-43c9-8c3d-6aad30f36d67" providerId="ADAL" clId="{C619365D-1215-49BD-8138-44A5DB1BAE6B}" dt="2023-04-11T17:17:47.061" v="2142" actId="1076"/>
          <ac:picMkLst>
            <pc:docMk/>
            <pc:sldMk cId="4185127888" sldId="2147374200"/>
            <ac:picMk id="10" creationId="{6E29979F-71E8-10F5-1CCC-692CBA01C939}"/>
          </ac:picMkLst>
        </pc:picChg>
      </pc:sldChg>
      <pc:sldChg chg="modSp add del mod ord">
        <pc:chgData name="Sorour Falahati" userId="8955ae62-45ff-43c9-8c3d-6aad30f36d67" providerId="ADAL" clId="{C619365D-1215-49BD-8138-44A5DB1BAE6B}" dt="2023-04-11T18:06:00.591" v="3538" actId="2696"/>
        <pc:sldMkLst>
          <pc:docMk/>
          <pc:sldMk cId="635810900" sldId="2147374201"/>
        </pc:sldMkLst>
        <pc:spChg chg="mod">
          <ac:chgData name="Sorour Falahati" userId="8955ae62-45ff-43c9-8c3d-6aad30f36d67" providerId="ADAL" clId="{C619365D-1215-49BD-8138-44A5DB1BAE6B}" dt="2023-04-11T17:59:42.590" v="3295" actId="20577"/>
          <ac:spMkLst>
            <pc:docMk/>
            <pc:sldMk cId="635810900" sldId="2147374201"/>
            <ac:spMk id="5" creationId="{286957E4-9A7C-CCA9-6347-82168A3E35B8}"/>
          </ac:spMkLst>
        </pc:spChg>
        <pc:spChg chg="mod">
          <ac:chgData name="Sorour Falahati" userId="8955ae62-45ff-43c9-8c3d-6aad30f36d67" providerId="ADAL" clId="{C619365D-1215-49BD-8138-44A5DB1BAE6B}" dt="2023-04-11T18:02:35.435" v="3362" actId="5793"/>
          <ac:spMkLst>
            <pc:docMk/>
            <pc:sldMk cId="635810900" sldId="2147374201"/>
            <ac:spMk id="9" creationId="{0ABF8838-5AE1-52EE-8907-0C120EB29799}"/>
          </ac:spMkLst>
        </pc:spChg>
      </pc:sldChg>
      <pc:sldChg chg="addSp delSp modSp add mod modClrScheme chgLayout">
        <pc:chgData name="Sorour Falahati" userId="8955ae62-45ff-43c9-8c3d-6aad30f36d67" providerId="ADAL" clId="{C619365D-1215-49BD-8138-44A5DB1BAE6B}" dt="2023-04-11T18:50:28.116" v="4543" actId="27636"/>
        <pc:sldMkLst>
          <pc:docMk/>
          <pc:sldMk cId="3957370297" sldId="2147374202"/>
        </pc:sldMkLst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C619365D-1215-49BD-8138-44A5DB1BAE6B}" dt="2023-04-11T18:50:28.116" v="4543" actId="27636"/>
          <ac:spMkLst>
            <pc:docMk/>
            <pc:sldMk cId="3957370297" sldId="2147374202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55:14.811" v="3185" actId="478"/>
          <ac:spMkLst>
            <pc:docMk/>
            <pc:sldMk cId="3957370297" sldId="2147374202"/>
            <ac:spMk id="7" creationId="{FA60BD1F-4767-71D9-252B-C91467E30D10}"/>
          </ac:spMkLst>
        </pc:spChg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55:16.668" v="3186" actId="478"/>
          <ac:spMkLst>
            <pc:docMk/>
            <pc:sldMk cId="3957370297" sldId="2147374202"/>
            <ac:spMk id="11" creationId="{E989F3BF-2C1D-84FB-2F59-5ACC72145661}"/>
          </ac:spMkLst>
        </pc:spChg>
        <pc:spChg chg="add del mod ord">
          <ac:chgData name="Sorour Falahati" userId="8955ae62-45ff-43c9-8c3d-6aad30f36d67" providerId="ADAL" clId="{C619365D-1215-49BD-8138-44A5DB1BAE6B}" dt="2023-04-11T18:25:31.381" v="4214" actId="478"/>
          <ac:spMkLst>
            <pc:docMk/>
            <pc:sldMk cId="3957370297" sldId="2147374202"/>
            <ac:spMk id="14" creationId="{14EBFBC3-6FED-8215-8ED2-E26D3B98A00B}"/>
          </ac:spMkLst>
        </pc:spChg>
        <pc:spChg chg="add del 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15" creationId="{0993ED27-3CD0-F535-9D31-CC76A4155DD3}"/>
          </ac:spMkLst>
        </pc:spChg>
        <pc:spChg chg="add del mod">
          <ac:chgData name="Sorour Falahati" userId="8955ae62-45ff-43c9-8c3d-6aad30f36d67" providerId="ADAL" clId="{C619365D-1215-49BD-8138-44A5DB1BAE6B}" dt="2023-04-11T18:25:33.533" v="4215" actId="478"/>
          <ac:spMkLst>
            <pc:docMk/>
            <pc:sldMk cId="3957370297" sldId="2147374202"/>
            <ac:spMk id="17" creationId="{D1761E18-9040-87E8-1EE8-C839AB393221}"/>
          </ac:spMkLst>
        </pc:spChg>
        <pc:graphicFrameChg chg="add del mod">
          <ac:chgData name="Sorour Falahati" userId="8955ae62-45ff-43c9-8c3d-6aad30f36d67" providerId="ADAL" clId="{C619365D-1215-49BD-8138-44A5DB1BAE6B}" dt="2023-04-11T17:55:30.019" v="3190"/>
          <ac:graphicFrameMkLst>
            <pc:docMk/>
            <pc:sldMk cId="3957370297" sldId="2147374202"/>
            <ac:graphicFrameMk id="3" creationId="{2201A4DB-BDB3-A819-095F-A74037E2787A}"/>
          </ac:graphicFrameMkLst>
        </pc:graphicFrameChg>
        <pc:graphicFrameChg chg="add mod">
          <ac:chgData name="Sorour Falahati" userId="8955ae62-45ff-43c9-8c3d-6aad30f36d67" providerId="ADAL" clId="{C619365D-1215-49BD-8138-44A5DB1BAE6B}" dt="2023-04-11T18:49:34.200" v="4518" actId="1035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graphicFrameChg chg="del">
          <ac:chgData name="Sorour Falahati" userId="8955ae62-45ff-43c9-8c3d-6aad30f36d67" providerId="ADAL" clId="{C619365D-1215-49BD-8138-44A5DB1BAE6B}" dt="2023-04-11T17:55:11.859" v="3184" actId="478"/>
          <ac:graphicFrameMkLst>
            <pc:docMk/>
            <pc:sldMk cId="3957370297" sldId="2147374202"/>
            <ac:graphicFrameMk id="5" creationId="{6C8DFCE2-3E5B-EB45-D353-EF12B8DCBEF5}"/>
          </ac:graphicFrameMkLst>
        </pc:graphicFrameChg>
        <pc:picChg chg="del">
          <ac:chgData name="Sorour Falahati" userId="8955ae62-45ff-43c9-8c3d-6aad30f36d67" providerId="ADAL" clId="{C619365D-1215-49BD-8138-44A5DB1BAE6B}" dt="2023-04-11T18:01:56.546" v="3356" actId="478"/>
          <ac:picMkLst>
            <pc:docMk/>
            <pc:sldMk cId="3957370297" sldId="2147374202"/>
            <ac:picMk id="8" creationId="{CCEBDD7A-5A69-2EA0-6E3D-72A1868B9177}"/>
          </ac:picMkLst>
        </pc:picChg>
        <pc:picChg chg="del">
          <ac:chgData name="Sorour Falahati" userId="8955ae62-45ff-43c9-8c3d-6aad30f36d67" providerId="ADAL" clId="{C619365D-1215-49BD-8138-44A5DB1BAE6B}" dt="2023-04-11T18:01:55.593" v="3355" actId="478"/>
          <ac:picMkLst>
            <pc:docMk/>
            <pc:sldMk cId="3957370297" sldId="2147374202"/>
            <ac:picMk id="10" creationId="{6E29979F-71E8-10F5-1CCC-692CBA01C939}"/>
          </ac:picMkLst>
        </pc:picChg>
        <pc:picChg chg="add del mod">
          <ac:chgData name="Sorour Falahati" userId="8955ae62-45ff-43c9-8c3d-6aad30f36d67" providerId="ADAL" clId="{C619365D-1215-49BD-8138-44A5DB1BAE6B}" dt="2023-04-11T18:16:33.130" v="3541" actId="478"/>
          <ac:picMkLst>
            <pc:docMk/>
            <pc:sldMk cId="3957370297" sldId="2147374202"/>
            <ac:picMk id="12" creationId="{B126C62E-4795-0C59-5219-3194F1CAB6B9}"/>
          </ac:picMkLst>
        </pc:picChg>
        <pc:picChg chg="add mod">
          <ac:chgData name="Sorour Falahati" userId="8955ae62-45ff-43c9-8c3d-6aad30f36d67" providerId="ADAL" clId="{C619365D-1215-49BD-8138-44A5DB1BAE6B}" dt="2023-04-11T18:24:40.428" v="4183" actId="1035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delSp modSp add mod">
        <pc:chgData name="Sorour Falahati" userId="8955ae62-45ff-43c9-8c3d-6aad30f36d67" providerId="ADAL" clId="{C619365D-1215-49BD-8138-44A5DB1BAE6B}" dt="2023-04-11T17:54:19.786" v="3183" actId="15"/>
        <pc:sldMkLst>
          <pc:docMk/>
          <pc:sldMk cId="641795527" sldId="2147374203"/>
        </pc:sldMkLst>
        <pc:spChg chg="mod">
          <ac:chgData name="Sorour Falahati" userId="8955ae62-45ff-43c9-8c3d-6aad30f36d67" providerId="ADAL" clId="{C619365D-1215-49BD-8138-44A5DB1BAE6B}" dt="2023-04-11T17:51:03.582" v="3040" actId="20577"/>
          <ac:spMkLst>
            <pc:docMk/>
            <pc:sldMk cId="641795527" sldId="2147374203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54:19.786" v="3183" actId="15"/>
          <ac:spMkLst>
            <pc:docMk/>
            <pc:sldMk cId="641795527" sldId="2147374203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11" creationId="{E989F3BF-2C1D-84FB-2F59-5ACC72145661}"/>
          </ac:spMkLst>
        </pc:spChg>
        <pc:graphicFrameChg chg="del">
          <ac:chgData name="Sorour Falahati" userId="8955ae62-45ff-43c9-8c3d-6aad30f36d67" providerId="ADAL" clId="{C619365D-1215-49BD-8138-44A5DB1BAE6B}" dt="2023-04-11T17:49:28.445" v="2924" actId="478"/>
          <ac:graphicFrameMkLst>
            <pc:docMk/>
            <pc:sldMk cId="641795527" sldId="2147374203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49:54.277" v="2964" actId="1036"/>
          <ac:picMkLst>
            <pc:docMk/>
            <pc:sldMk cId="641795527" sldId="2147374203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9:37.233" v="2926" actId="1076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addSp delSp modSp new mod modClrScheme chgLayout">
        <pc:chgData name="Sorour Falahati" userId="8955ae62-45ff-43c9-8c3d-6aad30f36d67" providerId="ADAL" clId="{C619365D-1215-49BD-8138-44A5DB1BAE6B}" dt="2023-04-11T20:29:20.090" v="8860" actId="20577"/>
        <pc:sldMkLst>
          <pc:docMk/>
          <pc:sldMk cId="1006305227" sldId="2147374204"/>
        </pc:sldMkLst>
        <pc:spChg chg="mod ord">
          <ac:chgData name="Sorour Falahati" userId="8955ae62-45ff-43c9-8c3d-6aad30f36d67" providerId="ADAL" clId="{C619365D-1215-49BD-8138-44A5DB1BAE6B}" dt="2023-04-11T20:17:06.781" v="8288" actId="700"/>
          <ac:spMkLst>
            <pc:docMk/>
            <pc:sldMk cId="1006305227" sldId="2147374204"/>
            <ac:spMk id="2" creationId="{9562C1FA-81A4-40B7-810E-F3CD6454CD38}"/>
          </ac:spMkLst>
        </pc:spChg>
        <pc:spChg chg="mod ord">
          <ac:chgData name="Sorour Falahati" userId="8955ae62-45ff-43c9-8c3d-6aad30f36d67" providerId="ADAL" clId="{C619365D-1215-49BD-8138-44A5DB1BAE6B}" dt="2023-04-11T20:28:21.901" v="8818" actId="20577"/>
          <ac:spMkLst>
            <pc:docMk/>
            <pc:sldMk cId="1006305227" sldId="2147374204"/>
            <ac:spMk id="3" creationId="{0879BB05-FBEA-F040-C7A8-CEEEA4CD67B2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6" creationId="{8D095585-0718-57D1-7B05-7B3B9BB20A28}"/>
          </ac:spMkLst>
        </pc:spChg>
        <pc:spChg chg="add del mod">
          <ac:chgData name="Sorour Falahati" userId="8955ae62-45ff-43c9-8c3d-6aad30f36d67" providerId="ADAL" clId="{C619365D-1215-49BD-8138-44A5DB1BAE6B}" dt="2023-04-11T19:18:32.586" v="5135" actId="478"/>
          <ac:spMkLst>
            <pc:docMk/>
            <pc:sldMk cId="1006305227" sldId="2147374204"/>
            <ac:spMk id="7" creationId="{E2F06474-567A-696F-DABE-EFE0F6673EAD}"/>
          </ac:spMkLst>
        </pc:spChg>
        <pc:spChg chg="add del mod">
          <ac:chgData name="Sorour Falahati" userId="8955ae62-45ff-43c9-8c3d-6aad30f36d67" providerId="ADAL" clId="{C619365D-1215-49BD-8138-44A5DB1BAE6B}" dt="2023-04-11T19:19:32.693" v="5324" actId="478"/>
          <ac:spMkLst>
            <pc:docMk/>
            <pc:sldMk cId="1006305227" sldId="2147374204"/>
            <ac:spMk id="8" creationId="{18D1891A-632E-516D-2861-BEB467C9B390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9" creationId="{739EE01A-DF6D-8C00-7835-F7013E7A605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2" creationId="{63A283D2-EBDB-6843-4D19-6F3292E91567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3" creationId="{1EA25700-DCD0-6226-6E41-629E8DFB3CA8}"/>
          </ac:spMkLst>
        </pc:spChg>
        <pc:spChg chg="add del mod">
          <ac:chgData name="Sorour Falahati" userId="8955ae62-45ff-43c9-8c3d-6aad30f36d67" providerId="ADAL" clId="{C619365D-1215-49BD-8138-44A5DB1BAE6B}" dt="2023-04-11T19:20:46.793" v="5408" actId="478"/>
          <ac:spMkLst>
            <pc:docMk/>
            <pc:sldMk cId="1006305227" sldId="2147374204"/>
            <ac:spMk id="14" creationId="{BBF3688E-7105-7614-A509-724365B1310B}"/>
          </ac:spMkLst>
        </pc:spChg>
        <pc:spChg chg="add del mod">
          <ac:chgData name="Sorour Falahati" userId="8955ae62-45ff-43c9-8c3d-6aad30f36d67" providerId="ADAL" clId="{C619365D-1215-49BD-8138-44A5DB1BAE6B}" dt="2023-04-11T19:20:45.925" v="5407" actId="478"/>
          <ac:spMkLst>
            <pc:docMk/>
            <pc:sldMk cId="1006305227" sldId="2147374204"/>
            <ac:spMk id="15" creationId="{B840BF45-FA06-972B-1558-FB0D295BBAD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6" creationId="{CE262EF6-E413-8CCC-9D94-ED9477E309F6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7" creationId="{248998D1-B4A7-9658-BF58-829CC210535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21" creationId="{7E55157A-49F2-9EB9-9140-6A8AC9ECA9C6}"/>
          </ac:spMkLst>
        </pc:spChg>
        <pc:spChg chg="add del mod">
          <ac:chgData name="Sorour Falahati" userId="8955ae62-45ff-43c9-8c3d-6aad30f36d67" providerId="ADAL" clId="{C619365D-1215-49BD-8138-44A5DB1BAE6B}" dt="2023-04-11T19:51:29.651" v="7168" actId="478"/>
          <ac:spMkLst>
            <pc:docMk/>
            <pc:sldMk cId="1006305227" sldId="2147374204"/>
            <ac:spMk id="22" creationId="{386D5880-D6F2-5A16-EEAB-4B1A683F67A8}"/>
          </ac:spMkLst>
        </pc:spChg>
        <pc:spChg chg="add del mod">
          <ac:chgData name="Sorour Falahati" userId="8955ae62-45ff-43c9-8c3d-6aad30f36d67" providerId="ADAL" clId="{C619365D-1215-49BD-8138-44A5DB1BAE6B}" dt="2023-04-11T19:44:35.947" v="6697" actId="478"/>
          <ac:spMkLst>
            <pc:docMk/>
            <pc:sldMk cId="1006305227" sldId="2147374204"/>
            <ac:spMk id="23" creationId="{619E91FB-1BC5-F9A7-371A-091BA798F892}"/>
          </ac:spMkLst>
        </pc:spChg>
        <pc:spChg chg="add mod">
          <ac:chgData name="Sorour Falahati" userId="8955ae62-45ff-43c9-8c3d-6aad30f36d67" providerId="ADAL" clId="{C619365D-1215-49BD-8138-44A5DB1BAE6B}" dt="2023-04-11T20:26:29.537" v="8783" actId="1036"/>
          <ac:spMkLst>
            <pc:docMk/>
            <pc:sldMk cId="1006305227" sldId="2147374204"/>
            <ac:spMk id="29" creationId="{2642EEC5-5129-FD5C-C995-3C5F2ED0436B}"/>
          </ac:spMkLst>
        </pc:spChg>
        <pc:spChg chg="add del">
          <ac:chgData name="Sorour Falahati" userId="8955ae62-45ff-43c9-8c3d-6aad30f36d67" providerId="ADAL" clId="{C619365D-1215-49BD-8138-44A5DB1BAE6B}" dt="2023-04-11T19:35:12.434" v="5981" actId="478"/>
          <ac:spMkLst>
            <pc:docMk/>
            <pc:sldMk cId="1006305227" sldId="2147374204"/>
            <ac:spMk id="30" creationId="{6196C4FC-0A46-67D5-9BA9-1011C590A7D5}"/>
          </ac:spMkLst>
        </pc:spChg>
        <pc:spChg chg="add del mod">
          <ac:chgData name="Sorour Falahati" userId="8955ae62-45ff-43c9-8c3d-6aad30f36d67" providerId="ADAL" clId="{C619365D-1215-49BD-8138-44A5DB1BAE6B}" dt="2023-04-11T19:35:40.445" v="6019" actId="478"/>
          <ac:spMkLst>
            <pc:docMk/>
            <pc:sldMk cId="1006305227" sldId="2147374204"/>
            <ac:spMk id="31" creationId="{2DD39FFC-8561-CB49-22B8-6EA13A8F7145}"/>
          </ac:spMkLst>
        </pc:spChg>
        <pc:spChg chg="add del mod">
          <ac:chgData name="Sorour Falahati" userId="8955ae62-45ff-43c9-8c3d-6aad30f36d67" providerId="ADAL" clId="{C619365D-1215-49BD-8138-44A5DB1BAE6B}" dt="2023-04-11T20:04:50.190" v="7816" actId="478"/>
          <ac:spMkLst>
            <pc:docMk/>
            <pc:sldMk cId="1006305227" sldId="2147374204"/>
            <ac:spMk id="32" creationId="{E201E662-8F52-2770-5C84-8366768B5A57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4" creationId="{A14D3214-64F2-52A9-EC96-278363FFD595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5" creationId="{F231C391-CEE7-A4E8-0108-9F58676E1EC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6" creationId="{A5622FF2-B802-AC84-21CD-DB0C7995131A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7" creationId="{D62313E1-62D2-04E1-2936-75210240BC92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8" creationId="{CC68B73C-47FE-C648-D338-C67D9ABDBDF8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9" creationId="{1D02AF35-F73C-20F8-27C8-44B5928CD66C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0" creationId="{54B28BD7-B15A-F19E-B650-A757C9192A5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1" creationId="{F43BC2FC-705B-78EF-2AB0-F384B5831312}"/>
          </ac:spMkLst>
        </pc:spChg>
        <pc:spChg chg="add del mod">
          <ac:chgData name="Sorour Falahati" userId="8955ae62-45ff-43c9-8c3d-6aad30f36d67" providerId="ADAL" clId="{C619365D-1215-49BD-8138-44A5DB1BAE6B}" dt="2023-04-11T19:58:34.334" v="7429" actId="478"/>
          <ac:spMkLst>
            <pc:docMk/>
            <pc:sldMk cId="1006305227" sldId="2147374204"/>
            <ac:spMk id="42" creationId="{3E227E61-F6B5-4F03-1B8E-92E003771A93}"/>
          </ac:spMkLst>
        </pc:spChg>
        <pc:spChg chg="add mod ord">
          <ac:chgData name="Sorour Falahati" userId="8955ae62-45ff-43c9-8c3d-6aad30f36d67" providerId="ADAL" clId="{C619365D-1215-49BD-8138-44A5DB1BAE6B}" dt="2023-04-11T20:21:06.141" v="8494" actId="1036"/>
          <ac:spMkLst>
            <pc:docMk/>
            <pc:sldMk cId="1006305227" sldId="2147374204"/>
            <ac:spMk id="43" creationId="{A904228A-EA7C-7680-EEDF-6BB003ADB59A}"/>
          </ac:spMkLst>
        </pc:spChg>
        <pc:spChg chg="add del mod">
          <ac:chgData name="Sorour Falahati" userId="8955ae62-45ff-43c9-8c3d-6aad30f36d67" providerId="ADAL" clId="{C619365D-1215-49BD-8138-44A5DB1BAE6B}" dt="2023-04-11T19:47:31.952" v="6958" actId="478"/>
          <ac:spMkLst>
            <pc:docMk/>
            <pc:sldMk cId="1006305227" sldId="2147374204"/>
            <ac:spMk id="44" creationId="{DF6B1918-AED3-8E8A-9475-E4F250D9B93A}"/>
          </ac:spMkLst>
        </pc:spChg>
        <pc:spChg chg="add del">
          <ac:chgData name="Sorour Falahati" userId="8955ae62-45ff-43c9-8c3d-6aad30f36d67" providerId="ADAL" clId="{C619365D-1215-49BD-8138-44A5DB1BAE6B}" dt="2023-04-11T19:47:51.533" v="6960" actId="478"/>
          <ac:spMkLst>
            <pc:docMk/>
            <pc:sldMk cId="1006305227" sldId="2147374204"/>
            <ac:spMk id="45" creationId="{DD7720F6-AF71-A2C7-2243-EAD2DAC7D687}"/>
          </ac:spMkLst>
        </pc:spChg>
        <pc:spChg chg="add mod topLvl">
          <ac:chgData name="Sorour Falahati" userId="8955ae62-45ff-43c9-8c3d-6aad30f36d67" providerId="ADAL" clId="{C619365D-1215-49BD-8138-44A5DB1BAE6B}" dt="2023-04-11T20:20:59.732" v="8486" actId="1035"/>
          <ac:spMkLst>
            <pc:docMk/>
            <pc:sldMk cId="1006305227" sldId="2147374204"/>
            <ac:spMk id="49" creationId="{C99147BD-E434-4692-0923-E29092E21903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50" creationId="{0D532764-007C-CDDE-0404-49A2F2679855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1" creationId="{8376138E-3756-AD57-767A-EB9A6B2C734C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2" creationId="{B94045F0-3921-5F1E-09DE-8F914BF5621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6" creationId="{15A600EA-BD29-4E36-6D69-A7B32E1C2C7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7" creationId="{406446D0-5F54-5E06-0F64-7C1623B52308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1" creationId="{DAFD783D-0F4E-D617-B8CA-A4BE89C9973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2" creationId="{6C4B6105-8134-0283-7A5D-EB52C1E41571}"/>
          </ac:spMkLst>
        </pc:spChg>
        <pc:spChg chg="add mod ord">
          <ac:chgData name="Sorour Falahati" userId="8955ae62-45ff-43c9-8c3d-6aad30f36d67" providerId="ADAL" clId="{C619365D-1215-49BD-8138-44A5DB1BAE6B}" dt="2023-04-11T20:29:20.090" v="8860" actId="20577"/>
          <ac:spMkLst>
            <pc:docMk/>
            <pc:sldMk cId="1006305227" sldId="2147374204"/>
            <ac:spMk id="64" creationId="{27CB7F95-585B-5D1D-5AD0-7D6954526BF1}"/>
          </ac:spMkLst>
        </pc:spChg>
        <pc:grpChg chg="add del mod">
          <ac:chgData name="Sorour Falahati" userId="8955ae62-45ff-43c9-8c3d-6aad30f36d67" providerId="ADAL" clId="{C619365D-1215-49BD-8138-44A5DB1BAE6B}" dt="2023-04-11T19:57:44.389" v="7343" actId="165"/>
          <ac:grpSpMkLst>
            <pc:docMk/>
            <pc:sldMk cId="1006305227" sldId="2147374204"/>
            <ac:grpSpMk id="20" creationId="{ADAB5DCB-3DC9-BA3C-DE58-E5417EB27236}"/>
          </ac:grpSpMkLst>
        </pc:grpChg>
        <pc:grpChg chg="add del mod">
          <ac:chgData name="Sorour Falahati" userId="8955ae62-45ff-43c9-8c3d-6aad30f36d67" providerId="ADAL" clId="{C619365D-1215-49BD-8138-44A5DB1BAE6B}" dt="2023-04-11T19:59:04.835" v="7473" actId="165"/>
          <ac:grpSpMkLst>
            <pc:docMk/>
            <pc:sldMk cId="1006305227" sldId="2147374204"/>
            <ac:grpSpMk id="53" creationId="{DCDE89AB-BBDC-226D-3D4F-3EF8F6ED10CD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8" creationId="{8BFA1CDB-671D-51DD-5BDC-31936D12ACA1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9" creationId="{48AAA1A5-51DC-B9F1-4980-29878EA6B7D7}"/>
          </ac:grpSpMkLst>
        </pc:grpChg>
        <pc:grpChg chg="add mod">
          <ac:chgData name="Sorour Falahati" userId="8955ae62-45ff-43c9-8c3d-6aad30f36d67" providerId="ADAL" clId="{C619365D-1215-49BD-8138-44A5DB1BAE6B}" dt="2023-04-11T20:17:25.189" v="8327" actId="1035"/>
          <ac:grpSpMkLst>
            <pc:docMk/>
            <pc:sldMk cId="1006305227" sldId="2147374204"/>
            <ac:grpSpMk id="60" creationId="{941B8D60-ADF2-9F63-E03C-3F9DA6C77490}"/>
          </ac:grpSpMkLst>
        </pc:grpChg>
        <pc:graphicFrameChg chg="add mod modGraphic">
          <ac:chgData name="Sorour Falahati" userId="8955ae62-45ff-43c9-8c3d-6aad30f36d67" providerId="ADAL" clId="{C619365D-1215-49BD-8138-44A5DB1BAE6B}" dt="2023-04-11T20:17:25.189" v="8327" actId="1035"/>
          <ac:graphicFrameMkLst>
            <pc:docMk/>
            <pc:sldMk cId="1006305227" sldId="2147374204"/>
            <ac:graphicFrameMk id="18" creationId="{4FCB3197-1F99-706A-233A-9FD3F32D2293}"/>
          </ac:graphicFrameMkLst>
        </pc:graphicFrameChg>
        <pc:cxnChg chg="add del mod">
          <ac:chgData name="Sorour Falahati" userId="8955ae62-45ff-43c9-8c3d-6aad30f36d67" providerId="ADAL" clId="{C619365D-1215-49BD-8138-44A5DB1BAE6B}" dt="2023-04-11T20:02:38.618" v="7631" actId="478"/>
          <ac:cxnSpMkLst>
            <pc:docMk/>
            <pc:sldMk cId="1006305227" sldId="2147374204"/>
            <ac:cxnSpMk id="5" creationId="{6A4718E2-610D-18F8-E661-E1277033020A}"/>
          </ac:cxnSpMkLst>
        </pc:cxnChg>
        <pc:cxnChg chg="add del mod">
          <ac:chgData name="Sorour Falahati" userId="8955ae62-45ff-43c9-8c3d-6aad30f36d67" providerId="ADAL" clId="{C619365D-1215-49BD-8138-44A5DB1BAE6B}" dt="2023-04-11T19:31:28.634" v="5847" actId="478"/>
          <ac:cxnSpMkLst>
            <pc:docMk/>
            <pc:sldMk cId="1006305227" sldId="2147374204"/>
            <ac:cxnSpMk id="11" creationId="{BFD5B3F4-44DB-BB15-BB98-1E042D812872}"/>
          </ac:cxnSpMkLst>
        </pc:cxnChg>
        <pc:cxnChg chg="add del mod">
          <ac:chgData name="Sorour Falahati" userId="8955ae62-45ff-43c9-8c3d-6aad30f36d67" providerId="ADAL" clId="{C619365D-1215-49BD-8138-44A5DB1BAE6B}" dt="2023-04-11T19:37:18.470" v="6078" actId="478"/>
          <ac:cxnSpMkLst>
            <pc:docMk/>
            <pc:sldMk cId="1006305227" sldId="2147374204"/>
            <ac:cxnSpMk id="25" creationId="{7DC966F4-2A39-8041-B814-17F317956B45}"/>
          </ac:cxnSpMkLst>
        </pc:cxnChg>
        <pc:cxnChg chg="add del mod">
          <ac:chgData name="Sorour Falahati" userId="8955ae62-45ff-43c9-8c3d-6aad30f36d67" providerId="ADAL" clId="{C619365D-1215-49BD-8138-44A5DB1BAE6B}" dt="2023-04-11T19:37:20.655" v="6079" actId="478"/>
          <ac:cxnSpMkLst>
            <pc:docMk/>
            <pc:sldMk cId="1006305227" sldId="2147374204"/>
            <ac:cxnSpMk id="26" creationId="{0D1DAE13-F154-4857-524E-B1378F8AD5C7}"/>
          </ac:cxnSpMkLst>
        </pc:cxnChg>
        <pc:cxnChg chg="add del mod">
          <ac:chgData name="Sorour Falahati" userId="8955ae62-45ff-43c9-8c3d-6aad30f36d67" providerId="ADAL" clId="{C619365D-1215-49BD-8138-44A5DB1BAE6B}" dt="2023-04-11T19:34:24.911" v="5924" actId="478"/>
          <ac:cxnSpMkLst>
            <pc:docMk/>
            <pc:sldMk cId="1006305227" sldId="2147374204"/>
            <ac:cxnSpMk id="28" creationId="{127360D5-1748-8731-3892-D99C0739EDE9}"/>
          </ac:cxnSpMkLst>
        </pc:cxnChg>
        <pc:cxnChg chg="add mod">
          <ac:chgData name="Sorour Falahati" userId="8955ae62-45ff-43c9-8c3d-6aad30f36d67" providerId="ADAL" clId="{C619365D-1215-49BD-8138-44A5DB1BAE6B}" dt="2023-04-11T20:21:03.348" v="8487" actId="14100"/>
          <ac:cxnSpMkLst>
            <pc:docMk/>
            <pc:sldMk cId="1006305227" sldId="2147374204"/>
            <ac:cxnSpMk id="47" creationId="{F0AE2B11-F4F3-72D9-61EA-5591932C1AE9}"/>
          </ac:cxnSpMkLst>
        </pc:cxnChg>
        <pc:cxnChg chg="add mod">
          <ac:chgData name="Sorour Falahati" userId="8955ae62-45ff-43c9-8c3d-6aad30f36d67" providerId="ADAL" clId="{C619365D-1215-49BD-8138-44A5DB1BAE6B}" dt="2023-04-11T20:20:51.618" v="8454" actId="1037"/>
          <ac:cxnSpMkLst>
            <pc:docMk/>
            <pc:sldMk cId="1006305227" sldId="2147374204"/>
            <ac:cxnSpMk id="55" creationId="{CFA71F86-E6FB-C61B-2537-CDA93563950C}"/>
          </ac:cxnSpMkLst>
        </pc:cxnChg>
      </pc:sldChg>
      <pc:sldChg chg="modSp add mod">
        <pc:chgData name="Sorour Falahati" userId="8955ae62-45ff-43c9-8c3d-6aad30f36d67" providerId="ADAL" clId="{C619365D-1215-49BD-8138-44A5DB1BAE6B}" dt="2023-04-12T05:46:10.253" v="8899" actId="14"/>
        <pc:sldMkLst>
          <pc:docMk/>
          <pc:sldMk cId="2498733208" sldId="2147374205"/>
        </pc:sldMkLst>
        <pc:spChg chg="mod">
          <ac:chgData name="Sorour Falahati" userId="8955ae62-45ff-43c9-8c3d-6aad30f36d67" providerId="ADAL" clId="{C619365D-1215-49BD-8138-44A5DB1BAE6B}" dt="2023-04-12T05:46:10.253" v="8899" actId="14"/>
          <ac:spMkLst>
            <pc:docMk/>
            <pc:sldMk cId="2498733208" sldId="2147374205"/>
            <ac:spMk id="3" creationId="{0879BB05-FBEA-F040-C7A8-CEEEA4CD67B2}"/>
          </ac:spMkLst>
        </pc:spChg>
        <pc:spChg chg="mod">
          <ac:chgData name="Sorour Falahati" userId="8955ae62-45ff-43c9-8c3d-6aad30f36d67" providerId="ADAL" clId="{C619365D-1215-49BD-8138-44A5DB1BAE6B}" dt="2023-04-12T05:38:29.917" v="8896" actId="20577"/>
          <ac:spMkLst>
            <pc:docMk/>
            <pc:sldMk cId="2498733208" sldId="2147374205"/>
            <ac:spMk id="64" creationId="{27CB7F95-585B-5D1D-5AD0-7D6954526BF1}"/>
          </ac:spMkLst>
        </pc:spChg>
      </pc:sldChg>
      <pc:sldMasterChg chg="modSldLayout">
        <pc:chgData name="Sorour Falahati" userId="8955ae62-45ff-43c9-8c3d-6aad30f36d67" providerId="ADAL" clId="{C619365D-1215-49BD-8138-44A5DB1BAE6B}" dt="2023-04-11T14:44:43.581" v="951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C619365D-1215-49BD-8138-44A5DB1BAE6B}" dt="2023-04-11T14:44:43.391" v="791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C619365D-1215-49BD-8138-44A5DB1BAE6B}" dt="2023-04-11T14:44:43.391" v="791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9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C619365D-1215-49BD-8138-44A5DB1BAE6B}" dt="2023-04-11T14:44:43.391" v="799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C619365D-1215-49BD-8138-44A5DB1BAE6B}" dt="2023-04-11T14:44:43.407" v="80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7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C619365D-1215-49BD-8138-44A5DB1BAE6B}" dt="2023-04-11T14:44:43.407" v="807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11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C619365D-1215-49BD-8138-44A5DB1BAE6B}" dt="2023-04-11T14:44:43.407" v="811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5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C619365D-1215-49BD-8138-44A5DB1BAE6B}" dt="2023-04-11T14:44:43.423" v="815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9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C619365D-1215-49BD-8138-44A5DB1BAE6B}" dt="2023-04-11T14:44:43.423" v="819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C619365D-1215-49BD-8138-44A5DB1BAE6B}" dt="2023-04-11T14:44:43.423" v="82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7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C619365D-1215-49BD-8138-44A5DB1BAE6B}" dt="2023-04-11T14:44:43.423" v="827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1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C619365D-1215-49BD-8138-44A5DB1BAE6B}" dt="2023-04-11T14:44:43.440" v="831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5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C619365D-1215-49BD-8138-44A5DB1BAE6B}" dt="2023-04-11T14:44:43.440" v="835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4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C619365D-1215-49BD-8138-44A5DB1BAE6B}" dt="2023-04-11T14:44:43.440" v="84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5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C619365D-1215-49BD-8138-44A5DB1BAE6B}" dt="2023-04-11T14:44:43.481" v="875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90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C619365D-1215-49BD-8138-44A5DB1BAE6B}" dt="2023-04-11T14:44:43.514" v="90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07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C619365D-1215-49BD-8138-44A5DB1BAE6B}" dt="2023-04-11T14:44:43.530" v="907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1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C619365D-1215-49BD-8138-44A5DB1BAE6B}" dt="2023-04-11T14:44:43.562" v="931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C619365D-1215-49BD-8138-44A5DB1BAE6B}" dt="2023-04-11T14:44:43.562" v="9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9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C619365D-1215-49BD-8138-44A5DB1BAE6B}" dt="2023-04-11T14:44:43.562" v="939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C619365D-1215-49BD-8138-44A5DB1BAE6B}" dt="2023-04-11T14:44:43.581" v="94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5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C619365D-1215-49BD-8138-44A5DB1BAE6B}" dt="2023-04-11T14:44:43.581" v="95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7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C619365D-1215-49BD-8138-44A5DB1BAE6B}" dt="2023-04-11T14:44:43.497" v="887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91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C619365D-1215-49BD-8138-44A5DB1BAE6B}" dt="2023-04-11T14:44:43.497" v="891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5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C619365D-1215-49BD-8138-44A5DB1BAE6B}" dt="2023-04-11T14:44:43.514" v="895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9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C619365D-1215-49BD-8138-44A5DB1BAE6B}" dt="2023-04-11T14:44:43.514" v="899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1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C619365D-1215-49BD-8138-44A5DB1BAE6B}" dt="2023-04-11T14:44:43.530" v="911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5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C619365D-1215-49BD-8138-44A5DB1BAE6B}" dt="2023-04-11T14:44:43.530" v="915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19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C619365D-1215-49BD-8138-44A5DB1BAE6B}" dt="2023-04-11T14:44:43.546" v="919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C619365D-1215-49BD-8138-44A5DB1BAE6B}" dt="2023-04-11T14:44:43.546" v="92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C619365D-1215-49BD-8138-44A5DB1BAE6B}" dt="2023-04-11T14:44:43.581" v="94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9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C619365D-1215-49BD-8138-44A5DB1BAE6B}" dt="2023-04-11T14:44:43.440" v="839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5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C619365D-1215-49BD-8138-44A5DB1BAE6B}" dt="2023-04-11T14:44:43.391" v="795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C619365D-1215-49BD-8138-44A5DB1BAE6B}" dt="2023-04-11T14:44:43.497" v="8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C619365D-1215-49BD-8138-44A5DB1BAE6B}" dt="2023-04-11T14:44:43.546" v="92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47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C619365D-1215-49BD-8138-44A5DB1BAE6B}" dt="2023-04-11T14:44:43.456" v="847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1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C619365D-1215-49BD-8138-44A5DB1BAE6B}" dt="2023-04-11T14:44:43.456" v="851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5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C619365D-1215-49BD-8138-44A5DB1BAE6B}" dt="2023-04-11T14:44:43.456" v="855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59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C619365D-1215-49BD-8138-44A5DB1BAE6B}" dt="2023-04-11T14:44:43.472" v="859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6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C619365D-1215-49BD-8138-44A5DB1BAE6B}" dt="2023-04-11T14:44:43.472" v="86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67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C619365D-1215-49BD-8138-44A5DB1BAE6B}" dt="2023-04-11T14:44:43.481" v="867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1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C619365D-1215-49BD-8138-44A5DB1BAE6B}" dt="2023-04-11T14:44:43.481" v="871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7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C619365D-1215-49BD-8138-44A5DB1BAE6B}" dt="2023-04-11T14:44:43.497" v="87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BCA02C7E-331E-4EB2-B291-9DEB3AFD0855}"/>
    <pc:docChg chg="undo custSel addSld delSld modSld sldOrd modMainMaster">
      <pc:chgData name="Sorour Falahati" userId="8955ae62-45ff-43c9-8c3d-6aad30f36d67" providerId="ADAL" clId="{BCA02C7E-331E-4EB2-B291-9DEB3AFD0855}" dt="2023-02-18T00:32:50.506" v="11066" actId="27636"/>
      <pc:docMkLst>
        <pc:docMk/>
      </pc:docMkLst>
      <pc:sldChg chg="modSp mod modClrScheme chgLayout">
        <pc:chgData name="Sorour Falahati" userId="8955ae62-45ff-43c9-8c3d-6aad30f36d67" providerId="ADAL" clId="{BCA02C7E-331E-4EB2-B291-9DEB3AFD0855}" dt="2023-02-15T22:01:40.910" v="2890" actId="700"/>
        <pc:sldMkLst>
          <pc:docMk/>
          <pc:sldMk cId="1400200050" sldId="278"/>
        </pc:sldMkLst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2" creationId="{FC0112F8-BA55-493D-9268-3CD81DF9583F}"/>
          </ac:spMkLst>
        </pc:spChg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3" creationId="{0D450013-5B2B-4E80-9041-11395B16488E}"/>
          </ac:spMkLst>
        </pc:spChg>
      </pc:sldChg>
      <pc:sldChg chg="addSp delSp modSp mod">
        <pc:chgData name="Sorour Falahati" userId="8955ae62-45ff-43c9-8c3d-6aad30f36d67" providerId="ADAL" clId="{BCA02C7E-331E-4EB2-B291-9DEB3AFD0855}" dt="2023-02-16T22:10:10.703" v="5143" actId="14100"/>
        <pc:sldMkLst>
          <pc:docMk/>
          <pc:sldMk cId="3586926967" sldId="297"/>
        </pc:sldMkLst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6" creationId="{AFA9B4F5-FAF1-463A-827E-5499F3EEF3B5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7" creationId="{7384DE59-9C3C-4061-99E9-2CF394746604}"/>
          </ac:spMkLst>
        </pc:spChg>
        <pc:spChg chg="mod topLvl">
          <ac:chgData name="Sorour Falahati" userId="8955ae62-45ff-43c9-8c3d-6aad30f36d67" providerId="ADAL" clId="{BCA02C7E-331E-4EB2-B291-9DEB3AFD0855}" dt="2023-02-16T22:10:00.564" v="5139" actId="1035"/>
          <ac:spMkLst>
            <pc:docMk/>
            <pc:sldMk cId="3586926967" sldId="297"/>
            <ac:spMk id="8" creationId="{B2FFB467-14DE-4345-ADA7-F5E95DC8E7D3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4" creationId="{197BF8B3-2850-4D72-B50E-7CBE21ED7D70}"/>
          </ac:spMkLst>
        </pc:spChg>
        <pc:spChg chg="mod topLvl">
          <ac:chgData name="Sorour Falahati" userId="8955ae62-45ff-43c9-8c3d-6aad30f36d67" providerId="ADAL" clId="{BCA02C7E-331E-4EB2-B291-9DEB3AFD0855}" dt="2023-02-16T22:08:34.436" v="5118" actId="208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22" creationId="{33B4F81A-524D-474C-ACD9-7EC4EC982CBB}"/>
          </ac:spMkLst>
        </pc:spChg>
        <pc:spChg chg="mod topLvl">
          <ac:chgData name="Sorour Falahati" userId="8955ae62-45ff-43c9-8c3d-6aad30f36d67" providerId="ADAL" clId="{BCA02C7E-331E-4EB2-B291-9DEB3AFD0855}" dt="2023-02-16T22:08:39.008" v="5119" actId="208"/>
          <ac:spMkLst>
            <pc:docMk/>
            <pc:sldMk cId="3586926967" sldId="297"/>
            <ac:spMk id="23" creationId="{82B51B65-DB86-49A2-8DE1-BEA81B087365}"/>
          </ac:spMkLst>
        </pc:spChg>
        <pc:spChg chg="mod topLvl">
          <ac:chgData name="Sorour Falahati" userId="8955ae62-45ff-43c9-8c3d-6aad30f36d67" providerId="ADAL" clId="{BCA02C7E-331E-4EB2-B291-9DEB3AFD0855}" dt="2023-02-12T16:44:05.815" v="186" actId="164"/>
          <ac:spMkLst>
            <pc:docMk/>
            <pc:sldMk cId="3586926967" sldId="297"/>
            <ac:spMk id="27" creationId="{72EB842E-29A4-44A2-A3C0-4D92B93789C8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8" creationId="{BCEAAF82-6843-453C-A526-8F3142FF3971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9" creationId="{9148A61B-2A79-48F4-A36F-8B3FC54C7608}"/>
          </ac:spMkLst>
        </pc:spChg>
        <pc:spChg chg="mod topLvl">
          <ac:chgData name="Sorour Falahati" userId="8955ae62-45ff-43c9-8c3d-6aad30f36d67" providerId="ADAL" clId="{BCA02C7E-331E-4EB2-B291-9DEB3AFD0855}" dt="2023-02-16T22:10:10.703" v="5143" actId="14100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6" creationId="{B6246815-A152-448D-962C-97DE8BBFDE17}"/>
          </ac:spMkLst>
        </pc:spChg>
        <pc:spChg chg="mod topLvl">
          <ac:chgData name="Sorour Falahati" userId="8955ae62-45ff-43c9-8c3d-6aad30f36d67" providerId="ADAL" clId="{BCA02C7E-331E-4EB2-B291-9DEB3AFD0855}" dt="2023-02-16T22:08:44.307" v="5120" actId="208"/>
          <ac:spMkLst>
            <pc:docMk/>
            <pc:sldMk cId="3586926967" sldId="297"/>
            <ac:spMk id="37" creationId="{3383A191-BF84-42A5-9846-D6F1957AC79D}"/>
          </ac:spMkLst>
        </pc:spChg>
        <pc:spChg chg="mod topLvl">
          <ac:chgData name="Sorour Falahati" userId="8955ae62-45ff-43c9-8c3d-6aad30f36d67" providerId="ADAL" clId="{BCA02C7E-331E-4EB2-B291-9DEB3AFD0855}" dt="2023-02-16T22:09:05.140" v="5122" actId="207"/>
          <ac:spMkLst>
            <pc:docMk/>
            <pc:sldMk cId="3586926967" sldId="297"/>
            <ac:spMk id="41" creationId="{CE8E6836-A654-446B-8891-08DA0F5F0BD0}"/>
          </ac:spMkLst>
        </pc:spChg>
        <pc:grpChg chg="add del mod">
          <ac:chgData name="Sorour Falahati" userId="8955ae62-45ff-43c9-8c3d-6aad30f36d67" providerId="ADAL" clId="{BCA02C7E-331E-4EB2-B291-9DEB3AFD0855}" dt="2023-02-12T16:43:56.289" v="185" actId="165"/>
          <ac:grpSpMkLst>
            <pc:docMk/>
            <pc:sldMk cId="3586926967" sldId="297"/>
            <ac:grpSpMk id="4" creationId="{AA3B0F41-399F-414C-38A7-F7FA11A6DB50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5" creationId="{7CD6C300-9DF5-6ECC-4FFC-3555FBC18F3A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9" creationId="{77CA8F8D-BB32-F053-AA73-32DACEE210B9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5" creationId="{1F867928-F550-4BEB-AD73-FA006D8099CA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7" creationId="{40470571-0955-40CF-81C9-D15B8CF61967}"/>
          </ac:grpSpMkLst>
        </pc:grpChg>
        <pc:grpChg chg="mod topLvl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31" creationId="{82A07B0D-CE59-4C3D-BE5C-E4472891DD0F}"/>
          </ac:grpSpMkLst>
        </pc:grp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0" creationId="{6E78D211-C178-4860-A7BA-E77685E020B4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1" creationId="{07235B7A-5520-4C77-A5A4-9FAB08C45DE6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4" creationId="{B67E5AA8-25CF-49FA-8724-693A28447007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5" creationId="{127C7F44-6889-48CB-BA4B-E8C8942BB743}"/>
          </ac:cxnSpMkLst>
        </pc:cxnChg>
      </pc:sldChg>
      <pc:sldChg chg="addSp delSp modSp new del mod modClrScheme chgLayout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87611475" sldId="317"/>
        </pc:sldMkLst>
        <pc:spChg chg="del mod or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2" creationId="{7B60688E-27CD-5C1A-830D-1A072F4F76DA}"/>
          </ac:spMkLst>
        </pc:spChg>
        <pc:spChg chg="del mod">
          <ac:chgData name="Sorour Falahati" userId="8955ae62-45ff-43c9-8c3d-6aad30f36d67" providerId="ADAL" clId="{BCA02C7E-331E-4EB2-B291-9DEB3AFD0855}" dt="2023-02-14T16:48:13.983" v="542" actId="478"/>
          <ac:spMkLst>
            <pc:docMk/>
            <pc:sldMk cId="1687611475" sldId="317"/>
            <ac:spMk id="3" creationId="{DAE7460F-4B57-1E86-7E7A-DCA772D3CD11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4" creationId="{CAFDC87C-56EB-2AFE-07F0-D712D4E45B0D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5" creationId="{EAFD3D63-72F0-F671-75C1-CAB840AD154F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6" creationId="{579FCA98-54B2-5C67-979C-5ACA3148D468}"/>
          </ac:spMkLst>
        </pc:spChg>
        <pc:spChg chg="add del mo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8" creationId="{0A378D67-07D6-A8F8-0703-2C7984B8A034}"/>
          </ac:spMkLst>
        </pc:spChg>
        <pc:spChg chg="add mod ord">
          <ac:chgData name="Sorour Falahati" userId="8955ae62-45ff-43c9-8c3d-6aad30f36d67" providerId="ADAL" clId="{BCA02C7E-331E-4EB2-B291-9DEB3AFD0855}" dt="2023-02-15T13:08:23.922" v="2046" actId="1035"/>
          <ac:spMkLst>
            <pc:docMk/>
            <pc:sldMk cId="1687611475" sldId="317"/>
            <ac:spMk id="9" creationId="{466D74BC-2062-A5A7-5DB1-ECF32A0DFBEA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0" creationId="{1076EFE5-F66A-F81B-F41F-F953EC0E07B5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1" creationId="{4C964F23-E90D-BB60-968C-BF88B78567A4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2" creationId="{19A1451B-F0C6-8116-07B8-8580D5798F6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3" creationId="{C027A6D8-C1DF-594E-D47E-8E84CA38F43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4" creationId="{E0E8B925-0285-176B-7353-D154FB4BBCF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7" creationId="{46BAF518-7A7F-2477-8A7A-817FCE3F828A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0" creationId="{7FD08A72-9F9F-3E1A-9BA5-1404895CB2ED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1" creationId="{112E0748-7EEA-EC8C-99EC-00D11712F73E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2" creationId="{446CB7CB-DCDF-1DDA-9CC5-1196547CD060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3" creationId="{40D431F5-B740-2033-3435-FE79285C036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5" creationId="{94296D43-73C3-C8DB-BF0B-9DEA0527FBA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6" creationId="{F62E7C83-50E2-27F7-4702-9FD4816622F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7" creationId="{099D7BF6-BA75-4698-4E44-E5F214678611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8" creationId="{9C428665-EAA9-E165-E2EC-0C71D26AE566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9" creationId="{F7E10AE7-91FA-99FD-5A7A-258288104202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39" creationId="{9C703050-1E76-B7D9-4FE7-0D2AD23FDF7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0" creationId="{BC8DB4F3-5A65-999E-BBFC-13484F13E3BE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1" creationId="{855237F9-51F4-384E-E3B0-1B36181CA717}"/>
          </ac:spMkLst>
        </pc:spChg>
        <pc:grpChg chg="add mod">
          <ac:chgData name="Sorour Falahati" userId="8955ae62-45ff-43c9-8c3d-6aad30f36d67" providerId="ADAL" clId="{BCA02C7E-331E-4EB2-B291-9DEB3AFD0855}" dt="2023-02-15T13:08:39.499" v="2068" actId="1035"/>
          <ac:grpSpMkLst>
            <pc:docMk/>
            <pc:sldMk cId="1687611475" sldId="317"/>
            <ac:grpSpMk id="42" creationId="{CDA8B39D-00C1-755D-6737-A8E6AD9227C7}"/>
          </ac:grpSpMkLst>
        </pc:grp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16" creationId="{966A00B3-FCD3-7105-DCA5-318A6CE13B76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24" creationId="{6EAF8936-975F-10CD-6261-1E7F32DFCAC3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1" creationId="{3D241CA4-5187-DC19-64A1-3ED5E0F87FCC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4" creationId="{5B8A81E0-8B1A-47C8-82A3-1EEAB7DD3163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7" creationId="{DADA569F-5145-F88D-F396-008530DCBD3F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305820340" sldId="317"/>
        </pc:sldMkLst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642212871" sldId="318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485306060" sldId="318"/>
        </pc:sldMkLst>
        <pc:grpChg chg="add mod">
          <ac:chgData name="Sorour Falahati" userId="8955ae62-45ff-43c9-8c3d-6aad30f36d67" providerId="ADAL" clId="{BCA02C7E-331E-4EB2-B291-9DEB3AFD0855}" dt="2023-02-15T08:29:32.028" v="641" actId="1035"/>
          <ac:grpSpMkLst>
            <pc:docMk/>
            <pc:sldMk cId="1485306060" sldId="318"/>
            <ac:grpSpMk id="7" creationId="{B142B227-4C6E-3759-2705-27DF4EC3724F}"/>
          </ac:grpSpMkLst>
        </pc:grp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4" creationId="{0D861C07-F553-6496-7F6C-8D0D3B847A9B}"/>
          </ac:picMkLst>
        </pc:pic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6" creationId="{A7EE6529-4FCA-1CB9-6D7F-8688D36BA360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01783026" sldId="319"/>
        </pc:sldMkLst>
        <pc:spChg chg="add 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" creationId="{8F37B5B7-63FD-B4C3-4FB7-7DE8868BCFC3}"/>
          </ac:spMkLst>
        </pc:spChg>
        <pc:spChg chg="mod">
          <ac:chgData name="Sorour Falahati" userId="8955ae62-45ff-43c9-8c3d-6aad30f36d67" providerId="ADAL" clId="{BCA02C7E-331E-4EB2-B291-9DEB3AFD0855}" dt="2023-02-15T14:41:55.309" v="2709" actId="14100"/>
          <ac:spMkLst>
            <pc:docMk/>
            <pc:sldMk cId="1601783026" sldId="319"/>
            <ac:spMk id="10" creationId="{1076EFE5-F66A-F81B-F41F-F953EC0E07B5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1" creationId="{4C964F23-E90D-BB60-968C-BF88B78567A4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2" creationId="{19A1451B-F0C6-8116-07B8-8580D5798F63}"/>
          </ac:spMkLst>
        </pc:spChg>
        <pc:spChg chg="del">
          <ac:chgData name="Sorour Falahati" userId="8955ae62-45ff-43c9-8c3d-6aad30f36d67" providerId="ADAL" clId="{BCA02C7E-331E-4EB2-B291-9DEB3AFD0855}" dt="2023-02-15T13:01:51.055" v="2022" actId="478"/>
          <ac:spMkLst>
            <pc:docMk/>
            <pc:sldMk cId="1601783026" sldId="319"/>
            <ac:spMk id="13" creationId="{C027A6D8-C1DF-594E-D47E-8E84CA38F43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4" creationId="{E0E8B925-0285-176B-7353-D154FB4BBCF3}"/>
          </ac:spMkLst>
        </pc:spChg>
        <pc:spChg chg="mod">
          <ac:chgData name="Sorour Falahati" userId="8955ae62-45ff-43c9-8c3d-6aad30f36d67" providerId="ADAL" clId="{BCA02C7E-331E-4EB2-B291-9DEB3AFD0855}" dt="2023-02-15T14:00:03.789" v="2656" actId="1036"/>
          <ac:spMkLst>
            <pc:docMk/>
            <pc:sldMk cId="1601783026" sldId="319"/>
            <ac:spMk id="17" creationId="{46BAF518-7A7F-2477-8A7A-817FCE3F828A}"/>
          </ac:spMkLst>
        </pc:spChg>
        <pc:spChg chg="mod">
          <ac:chgData name="Sorour Falahati" userId="8955ae62-45ff-43c9-8c3d-6aad30f36d67" providerId="ADAL" clId="{BCA02C7E-331E-4EB2-B291-9DEB3AFD0855}" dt="2023-02-15T14:00:09.501" v="2705" actId="1035"/>
          <ac:spMkLst>
            <pc:docMk/>
            <pc:sldMk cId="1601783026" sldId="319"/>
            <ac:spMk id="25" creationId="{94296D43-73C3-C8DB-BF0B-9DEA0527FBA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6" creationId="{F62E7C83-50E2-27F7-4702-9FD4816622F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7" creationId="{099D7BF6-BA75-4698-4E44-E5F214678611}"/>
          </ac:spMkLst>
        </pc:spChg>
        <pc:spChg chg="del">
          <ac:chgData name="Sorour Falahati" userId="8955ae62-45ff-43c9-8c3d-6aad30f36d67" providerId="ADAL" clId="{BCA02C7E-331E-4EB2-B291-9DEB3AFD0855}" dt="2023-02-15T13:01:49.252" v="2021" actId="478"/>
          <ac:spMkLst>
            <pc:docMk/>
            <pc:sldMk cId="1601783026" sldId="319"/>
            <ac:spMk id="28" creationId="{9C428665-EAA9-E165-E2EC-0C71D26AE566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9" creationId="{F7E10AE7-91FA-99FD-5A7A-258288104202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39" creationId="{9C703050-1E76-B7D9-4FE7-0D2AD23FDF7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40" creationId="{BC8DB4F3-5A65-999E-BBFC-13484F13E3BE}"/>
          </ac:spMkLst>
        </pc:spChg>
        <pc:grpChg chg="add mod">
          <ac:chgData name="Sorour Falahati" userId="8955ae62-45ff-43c9-8c3d-6aad30f36d67" providerId="ADAL" clId="{BCA02C7E-331E-4EB2-B291-9DEB3AFD0855}" dt="2023-02-15T13:08:54.381" v="2070" actId="164"/>
          <ac:grpSpMkLst>
            <pc:docMk/>
            <pc:sldMk cId="1601783026" sldId="319"/>
            <ac:grpSpMk id="3" creationId="{19AE71C3-03ED-4F7C-B077-FD6C9E47216A}"/>
          </ac:grpSpMkLst>
        </pc:grp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16" creationId="{966A00B3-FCD3-7105-DCA5-318A6CE13B76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24" creationId="{6EAF8936-975F-10CD-6261-1E7F32DFCAC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1" creationId="{3D241CA4-5187-DC19-64A1-3ED5E0F87FCC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4" creationId="{5B8A81E0-8B1A-47C8-82A3-1EEAB7DD316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7" creationId="{DADA569F-5145-F88D-F396-008530DCBD3F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017969038" sldId="319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321804364" sldId="320"/>
        </pc:sldMkLst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5" creationId="{69E9C36B-04BD-D72B-13AD-8C2A22B15988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6" creationId="{244C153F-4F53-A18B-8BDB-4B11284608E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7" creationId="{FBCA5883-3495-E29E-B6F6-CB9D9AA1862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8" creationId="{89701A34-91F8-8E97-226B-4D7FFD1A2C97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9" creationId="{A6075EF5-B15D-4545-8B53-D5202E5D98A1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1" creationId="{F364EA09-ED38-7259-E203-321CC928B2E9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3" creationId="{D6C24155-79D6-7253-2884-29BFD2EBF8AF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4" creationId="{29155894-48C1-A834-5FAB-3F1253FACBA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5" creationId="{66804BB3-1F15-4108-E718-6ED09D95D49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6" creationId="{F7064C86-DA9C-05D1-5AD6-BC676CF21216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7" creationId="{4CC5A009-35A0-2825-7814-B045C90EBD65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0" creationId="{68E43E5D-67D9-A11E-3F9D-57CFB7DA089A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1" creationId="{01AE6A88-502D-398A-5EBE-3355230BBE4B}"/>
          </ac:spMkLst>
        </pc:spChg>
        <pc:spChg chg="mod">
          <ac:chgData name="Sorour Falahati" userId="8955ae62-45ff-43c9-8c3d-6aad30f36d67" providerId="ADAL" clId="{BCA02C7E-331E-4EB2-B291-9DEB3AFD0855}" dt="2023-02-15T13:09:38.442" v="2135" actId="115"/>
          <ac:spMkLst>
            <pc:docMk/>
            <pc:sldMk cId="1321804364" sldId="320"/>
            <ac:spMk id="22" creationId="{15D78684-FEF3-CB2B-933B-2BAED78C614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6" creationId="{1E208E48-1834-CCFB-2472-55A51CC2630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7" creationId="{CD4EA841-BAC8-FD42-42AD-7621F55C7EEC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8" creationId="{6246106D-A27B-E6B3-0C5E-10FFA6225138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9" creationId="{9044F1F8-FA8F-579A-177A-C9BCADB42E9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1" creationId="{1507A05E-A18D-D012-77D3-A0C09DEE2FF5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3" creationId="{4CB32941-50F8-5945-258F-0899568F9AA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4" creationId="{E2948E0C-7673-884E-85FA-82D42728C9B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5" creationId="{566FAC44-73DB-77B9-6C88-75B65B39678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6" creationId="{046ADCA7-FB51-BD62-57F9-82552FC82499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9" creationId="{3FCEF3D9-F8AE-29F0-EFF4-8B352EAB628F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40" creationId="{CBF31702-C20B-EFCB-EDD5-F68008CCECFB}"/>
          </ac:spMkLst>
        </pc:spChg>
        <pc:spChg chg="mod">
          <ac:chgData name="Sorour Falahati" userId="8955ae62-45ff-43c9-8c3d-6aad30f36d67" providerId="ADAL" clId="{BCA02C7E-331E-4EB2-B291-9DEB3AFD0855}" dt="2023-02-15T13:09:43.789" v="2137" actId="115"/>
          <ac:spMkLst>
            <pc:docMk/>
            <pc:sldMk cId="1321804364" sldId="320"/>
            <ac:spMk id="41" creationId="{8BDF3485-4AF1-6A70-9931-93C2BBB12D6D}"/>
          </ac:spMkLst>
        </pc:s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" creationId="{AEE5D3C4-AA59-B856-0737-6BFA45744B02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3" creationId="{9B87FCD4-9A25-4F1F-28E8-290493595AEE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42" creationId="{2B20B059-2680-0BB9-73A8-60D18897B92D}"/>
          </ac:grpSpMkLst>
        </pc:grp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3" creationId="{23C54B3A-EC6A-9949-A76B-29ED947B9CAA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4" creationId="{3B1D9DCD-B1F6-911E-9EB6-046DAD67498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0" creationId="{A2E5FAF2-6105-4E49-B338-9A2EC9A5E43B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2" creationId="{9AAAF7AD-1C60-05A5-8080-37CF78D431E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8" creationId="{C66A7640-567C-3A67-9367-CB299B40DFE1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9" creationId="{9443A648-198F-EFFB-BDB5-473DDA7E05B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4" creationId="{B7849E5C-2F48-DC6C-CCCC-95109442812B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5" creationId="{D1E062AF-F3C8-6B86-7FF1-698573008398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0" creationId="{BBA20092-5364-C40C-0401-74A1A900A4C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2" creationId="{907FB9D6-B2D1-5ED7-80ED-7EAF76921579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7" creationId="{6601BBDD-E231-6B54-2A92-686716908C6C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8" creationId="{4E0BF29D-B1E0-9B10-B7DB-51FBDA2D5CF7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3080479615" sldId="320"/>
        </pc:sldMkLst>
      </pc:sldChg>
      <pc:sldChg chg="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488823592" sldId="321"/>
        </pc:sldMkLst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0" creationId="{1076EFE5-F66A-F81B-F41F-F953EC0E07B5}"/>
          </ac:spMkLst>
        </pc:spChg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1" creationId="{4C964F23-E90D-BB60-968C-BF88B78567A4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2" creationId="{19A1451B-F0C6-8116-07B8-8580D5798F63}"/>
          </ac:spMkLst>
        </pc:spChg>
        <pc:spChg chg="del mod topLvl">
          <ac:chgData name="Sorour Falahati" userId="8955ae62-45ff-43c9-8c3d-6aad30f36d67" providerId="ADAL" clId="{BCA02C7E-331E-4EB2-B291-9DEB3AFD0855}" dt="2023-02-15T13:54:08.428" v="2193" actId="478"/>
          <ac:spMkLst>
            <pc:docMk/>
            <pc:sldMk cId="488823592" sldId="321"/>
            <ac:spMk id="13" creationId="{C027A6D8-C1DF-594E-D47E-8E84CA38F437}"/>
          </ac:spMkLst>
        </pc:spChg>
        <pc:spChg chg="del mod topLvl">
          <ac:chgData name="Sorour Falahati" userId="8955ae62-45ff-43c9-8c3d-6aad30f36d67" providerId="ADAL" clId="{BCA02C7E-331E-4EB2-B291-9DEB3AFD0855}" dt="2023-02-15T13:54:09.149" v="2194" actId="478"/>
          <ac:spMkLst>
            <pc:docMk/>
            <pc:sldMk cId="488823592" sldId="321"/>
            <ac:spMk id="14" creationId="{E0E8B925-0285-176B-7353-D154FB4BBCF3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7" creationId="{46BAF518-7A7F-2477-8A7A-817FCE3F828A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5" creationId="{94296D43-73C3-C8DB-BF0B-9DEA0527FBA7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6" creationId="{F62E7C83-50E2-27F7-4702-9FD4816622F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7" creationId="{099D7BF6-BA75-4698-4E44-E5F214678611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8" creationId="{9C428665-EAA9-E165-E2EC-0C71D26AE566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9" creationId="{F7E10AE7-91FA-99FD-5A7A-258288104202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39" creationId="{9C703050-1E76-B7D9-4FE7-0D2AD23FDF7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0" creationId="{BC8DB4F3-5A65-999E-BBFC-13484F13E3BE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1" creationId="{855237F9-51F4-384E-E3B0-1B36181CA717}"/>
          </ac:spMkLst>
        </pc:spChg>
        <pc:grpChg chg="del">
          <ac:chgData name="Sorour Falahati" userId="8955ae62-45ff-43c9-8c3d-6aad30f36d67" providerId="ADAL" clId="{BCA02C7E-331E-4EB2-B291-9DEB3AFD0855}" dt="2023-02-15T13:53:52.892" v="2146" actId="165"/>
          <ac:grpSpMkLst>
            <pc:docMk/>
            <pc:sldMk cId="488823592" sldId="321"/>
            <ac:grpSpMk id="42" creationId="{CDA8B39D-00C1-755D-6737-A8E6AD9227C7}"/>
          </ac:grpSpMkLst>
        </pc:grp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16" creationId="{966A00B3-FCD3-7105-DCA5-318A6CE13B76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24" creationId="{6EAF8936-975F-10CD-6261-1E7F32DFCAC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1" creationId="{3D241CA4-5187-DC19-64A1-3ED5E0F87FCC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4" creationId="{5B8A81E0-8B1A-47C8-82A3-1EEAB7DD316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7" creationId="{DADA569F-5145-F88D-F396-008530DCBD3F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8" creationId="{A2A7FB35-1C79-33D4-4E79-3DF676BC3FC8}"/>
          </ac:cxnSpMkLst>
        </pc:cxnChg>
      </pc:sldChg>
      <pc:sldChg chg="add ord">
        <pc:chgData name="Sorour Falahati" userId="8955ae62-45ff-43c9-8c3d-6aad30f36d67" providerId="ADAL" clId="{BCA02C7E-331E-4EB2-B291-9DEB3AFD0855}" dt="2023-02-15T22:01:28.461" v="2889"/>
        <pc:sldMkLst>
          <pc:docMk/>
          <pc:sldMk cId="785478520" sldId="321"/>
        </pc:sldMkLst>
      </pc:sldChg>
      <pc:sldChg chg="modSp add del mod">
        <pc:chgData name="Sorour Falahati" userId="8955ae62-45ff-43c9-8c3d-6aad30f36d67" providerId="ADAL" clId="{BCA02C7E-331E-4EB2-B291-9DEB3AFD0855}" dt="2023-02-15T22:00:51.890" v="2884" actId="2696"/>
        <pc:sldMkLst>
          <pc:docMk/>
          <pc:sldMk cId="303684892" sldId="322"/>
        </pc:sldMkLst>
        <pc:spChg chg="mod">
          <ac:chgData name="Sorour Falahati" userId="8955ae62-45ff-43c9-8c3d-6aad30f36d67" providerId="ADAL" clId="{BCA02C7E-331E-4EB2-B291-9DEB3AFD0855}" dt="2023-02-15T22:00:47.252" v="2883" actId="20577"/>
          <ac:spMkLst>
            <pc:docMk/>
            <pc:sldMk cId="303684892" sldId="322"/>
            <ac:spMk id="2" creationId="{FC0112F8-BA55-493D-9268-3CD81DF9583F}"/>
          </ac:spMkLst>
        </pc:spChg>
      </pc:sldChg>
      <pc:sldChg chg="add">
        <pc:chgData name="Sorour Falahati" userId="8955ae62-45ff-43c9-8c3d-6aad30f36d67" providerId="ADAL" clId="{BCA02C7E-331E-4EB2-B291-9DEB3AFD0855}" dt="2023-02-15T22:00:54.779" v="2885"/>
        <pc:sldMkLst>
          <pc:docMk/>
          <pc:sldMk cId="3801232438" sldId="322"/>
        </pc:sldMkLst>
      </pc:sldChg>
      <pc:sldChg chg="modSp add mod">
        <pc:chgData name="Sorour Falahati" userId="8955ae62-45ff-43c9-8c3d-6aad30f36d67" providerId="ADAL" clId="{BCA02C7E-331E-4EB2-B291-9DEB3AFD0855}" dt="2023-02-15T22:02:19.555" v="2916" actId="20577"/>
        <pc:sldMkLst>
          <pc:docMk/>
          <pc:sldMk cId="2362877046" sldId="323"/>
        </pc:sldMkLst>
        <pc:spChg chg="mod">
          <ac:chgData name="Sorour Falahati" userId="8955ae62-45ff-43c9-8c3d-6aad30f36d67" providerId="ADAL" clId="{BCA02C7E-331E-4EB2-B291-9DEB3AFD0855}" dt="2023-02-15T22:02:19.555" v="2916" actId="20577"/>
          <ac:spMkLst>
            <pc:docMk/>
            <pc:sldMk cId="2362877046" sldId="323"/>
            <ac:spMk id="2" creationId="{FC0112F8-BA55-493D-9268-3CD81DF9583F}"/>
          </ac:spMkLst>
        </pc:spChg>
      </pc:sldChg>
      <pc:sldChg chg="addSp modSp new mod modClrScheme chgLayout">
        <pc:chgData name="Sorour Falahati" userId="8955ae62-45ff-43c9-8c3d-6aad30f36d67" providerId="ADAL" clId="{BCA02C7E-331E-4EB2-B291-9DEB3AFD0855}" dt="2023-02-16T22:50:11.412" v="5144" actId="13926"/>
        <pc:sldMkLst>
          <pc:docMk/>
          <pc:sldMk cId="213006618" sldId="324"/>
        </pc:sldMkLst>
        <pc:spChg chg="mod ord">
          <ac:chgData name="Sorour Falahati" userId="8955ae62-45ff-43c9-8c3d-6aad30f36d67" providerId="ADAL" clId="{BCA02C7E-331E-4EB2-B291-9DEB3AFD0855}" dt="2023-02-16T07:17:51.442" v="2944" actId="700"/>
          <ac:spMkLst>
            <pc:docMk/>
            <pc:sldMk cId="213006618" sldId="324"/>
            <ac:spMk id="2" creationId="{6321E8B3-5F98-79DA-45D0-FC17DDD49070}"/>
          </ac:spMkLst>
        </pc:spChg>
        <pc:spChg chg="add mod ord">
          <ac:chgData name="Sorour Falahati" userId="8955ae62-45ff-43c9-8c3d-6aad30f36d67" providerId="ADAL" clId="{BCA02C7E-331E-4EB2-B291-9DEB3AFD0855}" dt="2023-02-16T22:50:11.412" v="5144" actId="13926"/>
          <ac:spMkLst>
            <pc:docMk/>
            <pc:sldMk cId="213006618" sldId="324"/>
            <ac:spMk id="3" creationId="{C1BDA2A7-DA0A-ACA9-ADAE-21B442DAC72B}"/>
          </ac:spMkLst>
        </pc:spChg>
      </pc:sldChg>
      <pc:sldChg chg="modSp new del mod">
        <pc:chgData name="Sorour Falahati" userId="8955ae62-45ff-43c9-8c3d-6aad30f36d67" providerId="ADAL" clId="{BCA02C7E-331E-4EB2-B291-9DEB3AFD0855}" dt="2023-02-16T07:17:45.465" v="2943" actId="2696"/>
        <pc:sldMkLst>
          <pc:docMk/>
          <pc:sldMk cId="3643740071" sldId="325"/>
        </pc:sldMkLst>
        <pc:spChg chg="mod">
          <ac:chgData name="Sorour Falahati" userId="8955ae62-45ff-43c9-8c3d-6aad30f36d67" providerId="ADAL" clId="{BCA02C7E-331E-4EB2-B291-9DEB3AFD0855}" dt="2023-02-16T07:17:41.395" v="2942"/>
          <ac:spMkLst>
            <pc:docMk/>
            <pc:sldMk cId="3643740071" sldId="325"/>
            <ac:spMk id="2" creationId="{62D0518B-2C12-A560-3B07-0B4A472EDB76}"/>
          </ac:spMkLst>
        </pc:spChg>
      </pc:sldChg>
      <pc:sldChg chg="addSp modSp new del mod">
        <pc:chgData name="Sorour Falahati" userId="8955ae62-45ff-43c9-8c3d-6aad30f36d67" providerId="ADAL" clId="{BCA02C7E-331E-4EB2-B291-9DEB3AFD0855}" dt="2023-02-16T20:09:06.260" v="4901" actId="2696"/>
        <pc:sldMkLst>
          <pc:docMk/>
          <pc:sldMk cId="4022348393" sldId="325"/>
        </pc:sldMkLst>
        <pc:spChg chg="add mod">
          <ac:chgData name="Sorour Falahati" userId="8955ae62-45ff-43c9-8c3d-6aad30f36d67" providerId="ADAL" clId="{BCA02C7E-331E-4EB2-B291-9DEB3AFD0855}" dt="2023-02-16T14:14:59.011" v="3224" actId="13822"/>
          <ac:spMkLst>
            <pc:docMk/>
            <pc:sldMk cId="4022348393" sldId="325"/>
            <ac:spMk id="2" creationId="{4C9DF0B9-0B34-CD62-9F0F-3ECAD7245F70}"/>
          </ac:spMkLst>
        </pc:spChg>
        <pc:spChg chg="add mod">
          <ac:chgData name="Sorour Falahati" userId="8955ae62-45ff-43c9-8c3d-6aad30f36d67" providerId="ADAL" clId="{BCA02C7E-331E-4EB2-B291-9DEB3AFD0855}" dt="2023-02-16T14:14:53.147" v="3223" actId="13822"/>
          <ac:spMkLst>
            <pc:docMk/>
            <pc:sldMk cId="4022348393" sldId="325"/>
            <ac:spMk id="3" creationId="{FED95A78-7538-B727-66B6-119AD38A8EAA}"/>
          </ac:spMkLst>
        </pc:spChg>
        <pc:spChg chg="add mod">
          <ac:chgData name="Sorour Falahati" userId="8955ae62-45ff-43c9-8c3d-6aad30f36d67" providerId="ADAL" clId="{BCA02C7E-331E-4EB2-B291-9DEB3AFD0855}" dt="2023-02-16T14:16:02.191" v="3288" actId="5793"/>
          <ac:spMkLst>
            <pc:docMk/>
            <pc:sldMk cId="4022348393" sldId="325"/>
            <ac:spMk id="4" creationId="{8BFB286C-6BCE-4C5B-0A68-E6D41BC88108}"/>
          </ac:spMkLst>
        </pc:spChg>
        <pc:spChg chg="add mod">
          <ac:chgData name="Sorour Falahati" userId="8955ae62-45ff-43c9-8c3d-6aad30f36d67" providerId="ADAL" clId="{BCA02C7E-331E-4EB2-B291-9DEB3AFD0855}" dt="2023-02-16T14:15:57.105" v="3286" actId="404"/>
          <ac:spMkLst>
            <pc:docMk/>
            <pc:sldMk cId="4022348393" sldId="325"/>
            <ac:spMk id="5" creationId="{8FC4DA80-37CA-26C1-A0E1-63A6CA3CBBDC}"/>
          </ac:spMkLst>
        </pc:spChg>
        <pc:spChg chg="add mod">
          <ac:chgData name="Sorour Falahati" userId="8955ae62-45ff-43c9-8c3d-6aad30f36d67" providerId="ADAL" clId="{BCA02C7E-331E-4EB2-B291-9DEB3AFD0855}" dt="2023-02-16T14:16:07.958" v="3289" actId="1035"/>
          <ac:spMkLst>
            <pc:docMk/>
            <pc:sldMk cId="4022348393" sldId="325"/>
            <ac:spMk id="6" creationId="{121CE233-688B-84F4-4A29-56546E5348D4}"/>
          </ac:spMkLst>
        </pc:spChg>
        <pc:spChg chg="add mod">
          <ac:chgData name="Sorour Falahati" userId="8955ae62-45ff-43c9-8c3d-6aad30f36d67" providerId="ADAL" clId="{BCA02C7E-331E-4EB2-B291-9DEB3AFD0855}" dt="2023-02-16T14:20:47.996" v="3294" actId="5793"/>
          <ac:spMkLst>
            <pc:docMk/>
            <pc:sldMk cId="4022348393" sldId="325"/>
            <ac:spMk id="7" creationId="{37A0CA8F-3C6F-8A1F-7422-7ED8C3F36C7A}"/>
          </ac:spMkLst>
        </pc:spChg>
        <pc:spChg chg="add mod">
          <ac:chgData name="Sorour Falahati" userId="8955ae62-45ff-43c9-8c3d-6aad30f36d67" providerId="ADAL" clId="{BCA02C7E-331E-4EB2-B291-9DEB3AFD0855}" dt="2023-02-16T14:20:56.412" v="3302" actId="404"/>
          <ac:spMkLst>
            <pc:docMk/>
            <pc:sldMk cId="4022348393" sldId="325"/>
            <ac:spMk id="8" creationId="{92B7E54A-6C9B-CFF0-AF0B-BD35FABC7B4C}"/>
          </ac:spMkLst>
        </pc:spChg>
        <pc:spChg chg="add mod">
          <ac:chgData name="Sorour Falahati" userId="8955ae62-45ff-43c9-8c3d-6aad30f36d67" providerId="ADAL" clId="{BCA02C7E-331E-4EB2-B291-9DEB3AFD0855}" dt="2023-02-16T14:21:15.751" v="3304" actId="1035"/>
          <ac:spMkLst>
            <pc:docMk/>
            <pc:sldMk cId="4022348393" sldId="325"/>
            <ac:spMk id="9" creationId="{C18F4CCF-3E2E-F7EC-7F67-BAFED571E38A}"/>
          </ac:spMkLst>
        </pc:spChg>
      </pc:sldChg>
      <pc:sldChg chg="addSp delSp modSp new mod">
        <pc:chgData name="Sorour Falahati" userId="8955ae62-45ff-43c9-8c3d-6aad30f36d67" providerId="ADAL" clId="{BCA02C7E-331E-4EB2-B291-9DEB3AFD0855}" dt="2023-02-16T19:18:46.850" v="4170" actId="20577"/>
        <pc:sldMkLst>
          <pc:docMk/>
          <pc:sldMk cId="1445902174" sldId="326"/>
        </pc:sldMkLst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4" creationId="{1F8FC21F-F32E-9B97-5AFC-C20681046F3B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5" creationId="{7A36859F-AC43-3F53-D7D4-B2E7C5CD2A18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6" creationId="{42AC1C15-2744-90A3-08C0-7AC18AD01FC2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" creationId="{7432F250-C045-A4D6-8832-9C15F7441354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21" creationId="{EF181FE3-18F2-B842-1314-C511E2F5333C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1" creationId="{EDB922E2-C71C-2380-A266-A796F80F8B2B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2" creationId="{067DC04F-8D12-D081-0D88-C97B83AA6802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3" creationId="{15FB0C84-3F69-9138-AED6-06B8754AE939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2" creationId="{473BD4E7-E7E4-DA5E-DBD4-528BC06B3325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18:43:01.888" v="4003" actId="1035"/>
          <ac:grpSpMkLst>
            <pc:docMk/>
            <pc:sldMk cId="1445902174" sldId="326"/>
            <ac:grpSpMk id="78" creationId="{4A8FA38F-577F-DA4A-52EE-E91AA1436F9A}"/>
          </ac:grpSpMkLst>
        </pc:grp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" creationId="{09371429-313E-C331-E712-F9B49067396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8" creationId="{6A6D0277-0D81-81EF-0226-0E356484B17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9" creationId="{9F6B8044-2668-024E-DE66-98FEEB1DF00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0" creationId="{F717D21A-2564-999D-3340-947EE88B7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1" creationId="{35A4C946-2FFA-B14B-D3A6-3EFD951B4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2" creationId="{D2F498B8-BF41-8DED-0AE8-3A620244E386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3" creationId="{7115D64A-2E25-8FDE-BEDB-2C1C603C6A0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4" creationId="{4FAC5B55-2A37-6DD8-1E32-CD64F460966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5" creationId="{546AE87C-9068-133B-C726-DEA1231351F2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6" creationId="{1CD311B2-2AE8-7FC1-A26C-FE8694DD8708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7" creationId="{1E10FF23-3C72-D5B2-833D-CEB2F3BE15F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8" creationId="{B55E9194-B7B7-FD29-173D-D06C9740CDB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19" creationId="{1DB01077-9085-4C85-3145-4A17F2930BA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3" creationId="{36401FB3-09A8-37E4-EC3E-557B78B675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4" creationId="{EF458254-5187-95C5-85FF-BE98359D067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5" creationId="{5893D3A6-C180-F5C5-C53C-9A6291A477D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6" creationId="{CDAB610A-471C-6762-8F2D-EB782A6180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7" creationId="{7AFEFA1F-4D47-5CE0-20E4-D5B97F7C041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8" creationId="{A7EF8738-2813-3C66-5055-E1594F16F1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9" creationId="{930EDC4A-38B5-2593-889A-BCFBB474A1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0" creationId="{50F358A3-D31F-8222-C8E8-EF3ACB4C153B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1" creationId="{2C7C5F27-1B89-112F-2C59-08C47608523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2" creationId="{3B1018B3-3D77-6FF5-ACFD-E8CFC5DAE20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3" creationId="{7E55851D-8904-618A-11B8-348AD148839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4" creationId="{1D4EEF78-0737-F9B4-35BD-A46901CDFF5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5" creationId="{FA3C8A9C-E292-5FE7-A4E0-194BF824140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6" creationId="{A74BF4B2-1F03-C6B5-555F-FDE6662F07AC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7" creationId="{EFFDDA89-1BD8-8604-DDA3-086A65DFE57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8" creationId="{8B37A8B9-D36F-5A00-9441-A159684CCBF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39" creationId="{93A4F75A-0789-446D-BBA3-0380085785A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14.818" v="3387" actId="478"/>
          <ac:graphicFrameMkLst>
            <pc:docMk/>
            <pc:sldMk cId="1445902174" sldId="326"/>
            <ac:graphicFrameMk id="40" creationId="{04A18293-A922-DF3F-4E9E-8BBA5FC4822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8.946" v="3386" actId="478"/>
          <ac:graphicFrameMkLst>
            <pc:docMk/>
            <pc:sldMk cId="1445902174" sldId="326"/>
            <ac:graphicFrameMk id="41" creationId="{727C81DE-AC47-3D00-5168-7114FB78684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2" creationId="{5E270E51-BEA1-66C5-98C2-022AE7F5DFD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3" creationId="{55315F58-7BB8-912D-448E-6B2965B0324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4" creationId="{325450E0-A4A3-873C-9FF7-84CCA6BF0F6B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5" creationId="{3A78CA66-F783-F39D-BA88-DD263C0421E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6" creationId="{47B13FA4-B9C8-1D70-622E-024C811BF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7" creationId="{ED58BEF4-BE82-8B34-F3EE-1AE0231393F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8" creationId="{A6A3075D-7184-9525-1A7E-E813CB59A8B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9" creationId="{01E87B07-FF13-F147-E10D-CB1DD9B023AE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0" creationId="{C3CF53CD-4630-C283-E448-4CE9F371E94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4" creationId="{56516DE7-1056-012C-683A-06A5F1E24613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5" creationId="{738A43FD-FB17-35A6-76B9-526FC2E6F69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6" creationId="{C3AD4AE4-D7F9-78B8-04E3-FD0437A4665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7" creationId="{C12F51C1-16CE-D312-432B-600CE3B0823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8" creationId="{955D25D2-B659-A97F-5F25-9DD40E8EEC7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9" creationId="{CF89E02E-0B32-A889-FEC0-646D3F957EF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0" creationId="{276C11E1-47FA-4936-94BD-77F6FCB2835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1" creationId="{D5960AC8-0AEF-5FDE-D667-0283182835B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2" creationId="{1A866164-8266-1B96-3CD5-D1D12E6D3F8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3" creationId="{D296F114-DBA3-0787-EBD0-EECDC43D0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4" creationId="{3F3D4124-35B1-AD00-0DC3-7B29591EFEA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5" creationId="{14B1A28C-4092-4174-9DAF-086B4ADACFC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6" creationId="{4E2DC718-F787-3250-5897-FA030E635F23}"/>
          </ac:graphicFrameMkLst>
        </pc:graphicFrameChg>
        <pc:graphicFrameChg chg="add del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7" creationId="{EB628389-E94E-5076-2814-0878F30A21E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28:47.054" v="3336" actId="478"/>
          <ac:graphicFrameMkLst>
            <pc:docMk/>
            <pc:sldMk cId="1445902174" sldId="326"/>
            <ac:graphicFrameMk id="68" creationId="{D67FE9FC-BC7F-241C-7E40-BCC7EC34433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9" creationId="{51C97EE1-67EB-4EE2-6718-6E7A06469931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79" creationId="{28871269-2A51-9D8B-12B3-663AD3CAB7B3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18:46.850" v="4170" actId="20577"/>
          <ac:graphicFrameMkLst>
            <pc:docMk/>
            <pc:sldMk cId="1445902174" sldId="326"/>
            <ac:graphicFrameMk id="80" creationId="{1C259BB4-19E1-17A7-C200-631347B54822}"/>
          </ac:graphicFrameMkLst>
        </pc:graphicFrameChg>
        <pc:cxnChg chg="add del mod">
          <ac:chgData name="Sorour Falahati" userId="8955ae62-45ff-43c9-8c3d-6aad30f36d67" providerId="ADAL" clId="{BCA02C7E-331E-4EB2-B291-9DEB3AFD0855}" dt="2023-02-16T18:28:26.265" v="3307" actId="478"/>
          <ac:cxnSpMkLst>
            <pc:docMk/>
            <pc:sldMk cId="1445902174" sldId="326"/>
            <ac:cxnSpMk id="22" creationId="{F5F3925D-A0E2-B405-A29D-1DB4F4275252}"/>
          </ac:cxnSpMkLst>
        </pc:cxnChg>
        <pc:cxnChg chg="add mod">
          <ac:chgData name="Sorour Falahati" userId="8955ae62-45ff-43c9-8c3d-6aad30f36d67" providerId="ADAL" clId="{BCA02C7E-331E-4EB2-B291-9DEB3AFD0855}" dt="2023-02-16T18:43:01.888" v="4003" actId="1035"/>
          <ac:cxnSpMkLst>
            <pc:docMk/>
            <pc:sldMk cId="1445902174" sldId="326"/>
            <ac:cxnSpMk id="71" creationId="{3E8ADC7C-1C4E-1910-29A5-5D42BB00AD59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4" creationId="{F4BEE226-07D2-EE5F-62CC-BFC8B9BADB7D}"/>
          </ac:cxnSpMkLst>
        </pc:cxnChg>
        <pc:cxnChg chg="add del">
          <ac:chgData name="Sorour Falahati" userId="8955ae62-45ff-43c9-8c3d-6aad30f36d67" providerId="ADAL" clId="{BCA02C7E-331E-4EB2-B291-9DEB3AFD0855}" dt="2023-02-16T18:31:20.764" v="3455" actId="478"/>
          <ac:cxnSpMkLst>
            <pc:docMk/>
            <pc:sldMk cId="1445902174" sldId="326"/>
            <ac:cxnSpMk id="76" creationId="{E53416F7-BF93-2A5C-F3BC-BCDF9A1C3050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7" creationId="{9AEDBAB4-99FC-41BE-A3A0-533EF3F00186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07:50.532" v="4900" actId="20577"/>
        <pc:sldMkLst>
          <pc:docMk/>
          <pc:sldMk cId="66125687" sldId="327"/>
        </pc:sldMkLst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4" creationId="{1F8FC21F-F32E-9B97-5AFC-C20681046F3B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5" creationId="{7A36859F-AC43-3F53-D7D4-B2E7C5CD2A18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6" creationId="{42AC1C15-2744-90A3-08C0-7AC18AD01FC2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" creationId="{7432F250-C045-A4D6-8832-9C15F7441354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9:51:03.531" v="4403" actId="478"/>
          <ac:spMkLst>
            <pc:docMk/>
            <pc:sldMk cId="66125687" sldId="327"/>
            <ac:spMk id="43" creationId="{BA5A0D17-C18C-82BA-92C5-E4A9352B926F}"/>
          </ac:spMkLst>
        </pc:spChg>
        <pc:spChg chg="add mod">
          <ac:chgData name="Sorour Falahati" userId="8955ae62-45ff-43c9-8c3d-6aad30f36d67" providerId="ADAL" clId="{BCA02C7E-331E-4EB2-B291-9DEB3AFD0855}" dt="2023-02-16T19:52:19.926" v="4424" actId="1036"/>
          <ac:spMkLst>
            <pc:docMk/>
            <pc:sldMk cId="66125687" sldId="327"/>
            <ac:spMk id="44" creationId="{53934EA9-4BD4-1E6F-CF2E-6B472385DCE5}"/>
          </ac:spMkLst>
        </pc:spChg>
        <pc:spChg chg="add mod">
          <ac:chgData name="Sorour Falahati" userId="8955ae62-45ff-43c9-8c3d-6aad30f36d67" providerId="ADAL" clId="{BCA02C7E-331E-4EB2-B291-9DEB3AFD0855}" dt="2023-02-16T19:54:55.954" v="4522" actId="5793"/>
          <ac:spMkLst>
            <pc:docMk/>
            <pc:sldMk cId="66125687" sldId="327"/>
            <ac:spMk id="46" creationId="{42455B5E-F785-D306-A751-170E10BFFFFD}"/>
          </ac:spMkLst>
        </pc:spChg>
        <pc:spChg chg="add mod">
          <ac:chgData name="Sorour Falahati" userId="8955ae62-45ff-43c9-8c3d-6aad30f36d67" providerId="ADAL" clId="{BCA02C7E-331E-4EB2-B291-9DEB3AFD0855}" dt="2023-02-16T20:07:50.532" v="4900" actId="20577"/>
          <ac:spMkLst>
            <pc:docMk/>
            <pc:sldMk cId="66125687" sldId="327"/>
            <ac:spMk id="47" creationId="{A0F83DAF-1818-CFB5-1EE4-C8C9361DE180}"/>
          </ac:spMkLst>
        </pc:spChg>
        <pc:spChg chg="add del">
          <ac:chgData name="Sorour Falahati" userId="8955ae62-45ff-43c9-8c3d-6aad30f36d67" providerId="ADAL" clId="{BCA02C7E-331E-4EB2-B291-9DEB3AFD0855}" dt="2023-02-16T19:57:11.864" v="4594" actId="478"/>
          <ac:spMkLst>
            <pc:docMk/>
            <pc:sldMk cId="66125687" sldId="327"/>
            <ac:spMk id="50" creationId="{73AB608B-F87D-2612-1E23-6B22662BFBA9}"/>
          </ac:spMkLst>
        </pc:spChg>
        <pc:spChg chg="add mod">
          <ac:chgData name="Sorour Falahati" userId="8955ae62-45ff-43c9-8c3d-6aad30f36d67" providerId="ADAL" clId="{BCA02C7E-331E-4EB2-B291-9DEB3AFD0855}" dt="2023-02-16T20:05:54.846" v="4836" actId="1036"/>
          <ac:spMkLst>
            <pc:docMk/>
            <pc:sldMk cId="66125687" sldId="327"/>
            <ac:spMk id="63" creationId="{9512151A-18A5-8910-87A6-CD1FCDB7C83E}"/>
          </ac:spMkLst>
        </pc:spChg>
        <pc:spChg chg="add mod">
          <ac:chgData name="Sorour Falahati" userId="8955ae62-45ff-43c9-8c3d-6aad30f36d67" providerId="ADAL" clId="{BCA02C7E-331E-4EB2-B291-9DEB3AFD0855}" dt="2023-02-16T20:05:42.504" v="4810" actId="1037"/>
          <ac:spMkLst>
            <pc:docMk/>
            <pc:sldMk cId="66125687" sldId="327"/>
            <ac:spMk id="64" creationId="{BCA38DBB-CB44-B06D-1668-40BAEF1BB747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2" creationId="{473BD4E7-E7E4-DA5E-DBD4-528BC06B3325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20:03:43.948" v="4701" actId="14100"/>
          <ac:grpSpMkLst>
            <pc:docMk/>
            <pc:sldMk cId="66125687" sldId="327"/>
            <ac:grpSpMk id="58" creationId="{69453A61-CE56-EC89-F72C-DA1FA77FDE6B}"/>
          </ac:grpSpMkLst>
        </pc:grpChg>
        <pc:grpChg chg="add mod">
          <ac:chgData name="Sorour Falahati" userId="8955ae62-45ff-43c9-8c3d-6aad30f36d67" providerId="ADAL" clId="{BCA02C7E-331E-4EB2-B291-9DEB3AFD0855}" dt="2023-02-16T20:05:57.802" v="4837" actId="14100"/>
          <ac:grpSpMkLst>
            <pc:docMk/>
            <pc:sldMk cId="66125687" sldId="327"/>
            <ac:grpSpMk id="59" creationId="{72B03E2C-308F-DF63-C682-4A28CAAC8693}"/>
          </ac:grpSpMkLst>
        </pc:grpChg>
        <pc:grpChg chg="del">
          <ac:chgData name="Sorour Falahati" userId="8955ae62-45ff-43c9-8c3d-6aad30f36d67" providerId="ADAL" clId="{BCA02C7E-331E-4EB2-B291-9DEB3AFD0855}" dt="2023-02-16T19:45:54.422" v="4172" actId="478"/>
          <ac:grpSpMkLst>
            <pc:docMk/>
            <pc:sldMk cId="66125687" sldId="327"/>
            <ac:grpSpMk id="78" creationId="{4A8FA38F-577F-DA4A-52EE-E91AA1436F9A}"/>
          </ac:grpSpMkLst>
        </pc:grp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3" creationId="{09371429-313E-C331-E712-F9B49067396E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8" creationId="{6A6D0277-0D81-81EF-0226-0E356484B17F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9" creationId="{9F6B8044-2668-024E-DE66-98FEEB1DF003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0" creationId="{F717D21A-2564-999D-3340-947EE88B7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1" creationId="{35A4C946-2FFA-B14B-D3A6-3EFD951B4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2" creationId="{D2F498B8-BF41-8DED-0AE8-3A620244E386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3" creationId="{7115D64A-2E25-8FDE-BEDB-2C1C603C6A00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4" creationId="{4FAC5B55-2A37-6DD8-1E32-CD64F460966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5" creationId="{546AE87C-9068-133B-C726-DEA1231351F2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6" creationId="{1CD311B2-2AE8-7FC1-A26C-FE8694DD8708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7" creationId="{1E10FF23-3C72-D5B2-833D-CEB2F3BE15F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8" creationId="{B55E9194-B7B7-FD29-173D-D06C9740CDB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19" creationId="{140C989E-71B7-F438-2783-0D5DAABE916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49:41.380" v="4296" actId="2166"/>
          <ac:graphicFrameMkLst>
            <pc:docMk/>
            <pc:sldMk cId="66125687" sldId="327"/>
            <ac:graphicFrameMk id="21" creationId="{0F594CA1-7A2D-6EAD-439E-D15FD7E73D4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22" creationId="{64C0AAED-F39A-069C-7242-93D0E76FB4F6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1.241" v="4174" actId="478"/>
          <ac:graphicFrameMkLst>
            <pc:docMk/>
            <pc:sldMk cId="66125687" sldId="327"/>
            <ac:graphicFrameMk id="23" creationId="{36401FB3-09A8-37E4-EC3E-557B78B675C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4" creationId="{EF458254-5187-95C5-85FF-BE98359D067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5" creationId="{5893D3A6-C180-F5C5-C53C-9A6291A477D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6" creationId="{CDAB610A-471C-6762-8F2D-EB782A6180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7" creationId="{7AFEFA1F-4D47-5CE0-20E4-D5B97F7C041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8" creationId="{A7EF8738-2813-3C66-5055-E1594F16F14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9" creationId="{930EDC4A-38B5-2593-889A-BCFBB474A1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0" creationId="{50F358A3-D31F-8222-C8E8-EF3ACB4C153B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1" creationId="{2C7C5F27-1B89-112F-2C59-08C47608523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2" creationId="{3B1018B3-3D77-6FF5-ACFD-E8CFC5DAE20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3" creationId="{7E55851D-8904-618A-11B8-348AD148839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4" creationId="{1D4EEF78-0737-F9B4-35BD-A46901CDFF5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5" creationId="{FA3C8A9C-E292-5FE7-A4E0-194BF824140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6" creationId="{A74BF4B2-1F03-C6B5-555F-FDE6662F07AC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7" creationId="{EFFDDA89-1BD8-8604-DDA3-086A65DFE57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8" creationId="{8B37A8B9-D36F-5A00-9441-A159684CCBF6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39" creationId="{4F74B2CA-0780-9CEC-2EB0-D6DEF069BE37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40" creationId="{2A1FE7BB-B6AA-FDA8-8D6F-2FE346E5CC0C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48.921" v="4880" actId="404"/>
          <ac:graphicFrameMkLst>
            <pc:docMk/>
            <pc:sldMk cId="66125687" sldId="327"/>
            <ac:graphicFrameMk id="41" creationId="{BC5601E8-C7E8-7EB2-CACF-2E5BA140A92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53.864" v="4881" actId="404"/>
          <ac:graphicFrameMkLst>
            <pc:docMk/>
            <pc:sldMk cId="66125687" sldId="327"/>
            <ac:graphicFrameMk id="42" creationId="{0E70318D-3811-057B-C921-67E4EE292FE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5:11.806" v="4795" actId="14100"/>
          <ac:graphicFrameMkLst>
            <pc:docMk/>
            <pc:sldMk cId="66125687" sldId="327"/>
            <ac:graphicFrameMk id="45" creationId="{FCE962BB-C0B5-135C-DC4C-C10167ABA9B4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7:27.783" v="4892" actId="2166"/>
          <ac:graphicFrameMkLst>
            <pc:docMk/>
            <pc:sldMk cId="66125687" sldId="327"/>
            <ac:graphicFrameMk id="65" creationId="{E16C4206-90E2-FBA4-604D-4194C008FF4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7" creationId="{EB628389-E94E-5076-2814-0878F30A21ED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9" creationId="{51C97EE1-67EB-4EE2-6718-6E7A0646993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79" creationId="{28871269-2A51-9D8B-12B3-663AD3CAB7B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80" creationId="{1C259BB4-19E1-17A7-C200-631347B54822}"/>
          </ac:graphicFrameMkLst>
        </pc:graphicFrameChg>
        <pc:cxnChg chg="add del">
          <ac:chgData name="Sorour Falahati" userId="8955ae62-45ff-43c9-8c3d-6aad30f36d67" providerId="ADAL" clId="{BCA02C7E-331E-4EB2-B291-9DEB3AFD0855}" dt="2023-02-16T19:56:53.098" v="4592" actId="478"/>
          <ac:cxnSpMkLst>
            <pc:docMk/>
            <pc:sldMk cId="66125687" sldId="327"/>
            <ac:cxnSpMk id="49" creationId="{5F6ED520-0B3A-85B6-6337-E5F78B0D4244}"/>
          </ac:cxnSpMkLst>
        </pc:cxnChg>
        <pc:cxnChg chg="add del">
          <ac:chgData name="Sorour Falahati" userId="8955ae62-45ff-43c9-8c3d-6aad30f36d67" providerId="ADAL" clId="{BCA02C7E-331E-4EB2-B291-9DEB3AFD0855}" dt="2023-02-16T19:58:17.494" v="4596" actId="478"/>
          <ac:cxnSpMkLst>
            <pc:docMk/>
            <pc:sldMk cId="66125687" sldId="327"/>
            <ac:cxnSpMk id="52" creationId="{9DEFD9FE-4F32-DD67-390A-D22746EF15B4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4" creationId="{58D4D52E-D2B1-2DEF-92C8-8F70E5E6C598}"/>
          </ac:cxnSpMkLst>
        </pc:cxnChg>
        <pc:cxnChg chg="add mod">
          <ac:chgData name="Sorour Falahati" userId="8955ae62-45ff-43c9-8c3d-6aad30f36d67" providerId="ADAL" clId="{BCA02C7E-331E-4EB2-B291-9DEB3AFD0855}" dt="2023-02-16T20:00:11.783" v="4613" actId="692"/>
          <ac:cxnSpMkLst>
            <pc:docMk/>
            <pc:sldMk cId="66125687" sldId="327"/>
            <ac:cxnSpMk id="55" creationId="{6935ACB7-7D6D-08D5-B029-5043D64B93E9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7" creationId="{A2730CCD-4E5A-0A72-1572-C137E80850DF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0" creationId="{EF09FA25-641D-C122-6174-D427CC0961D1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1" creationId="{680DC8C1-94B4-E1AC-31AF-168DF1E244DA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2" creationId="{C653110A-457E-531B-592C-550CE521AC51}"/>
          </ac:cxnSpMkLst>
        </pc:cxnChg>
        <pc:cxnChg chg="del">
          <ac:chgData name="Sorour Falahati" userId="8955ae62-45ff-43c9-8c3d-6aad30f36d67" providerId="ADAL" clId="{BCA02C7E-331E-4EB2-B291-9DEB3AFD0855}" dt="2023-02-16T20:06:07.956" v="4838" actId="478"/>
          <ac:cxnSpMkLst>
            <pc:docMk/>
            <pc:sldMk cId="66125687" sldId="327"/>
            <ac:cxnSpMk id="71" creationId="{3E8ADC7C-1C4E-1910-29A5-5D42BB00AD59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14:32.914" v="5117" actId="478"/>
        <pc:sldMkLst>
          <pc:docMk/>
          <pc:sldMk cId="1710448326" sldId="328"/>
        </pc:sldMkLst>
        <pc:spChg chg="add mod">
          <ac:chgData name="Sorour Falahati" userId="8955ae62-45ff-43c9-8c3d-6aad30f36d67" providerId="ADAL" clId="{BCA02C7E-331E-4EB2-B291-9DEB3AFD0855}" dt="2023-02-16T20:13:10.424" v="5091" actId="1036"/>
          <ac:spMkLst>
            <pc:docMk/>
            <pc:sldMk cId="1710448326" sldId="328"/>
            <ac:spMk id="9" creationId="{312E085E-69A1-10DA-4BEC-9102D8D3EF3D}"/>
          </ac:spMkLst>
        </pc:spChg>
        <pc:spChg chg="add mod">
          <ac:chgData name="Sorour Falahati" userId="8955ae62-45ff-43c9-8c3d-6aad30f36d67" providerId="ADAL" clId="{BCA02C7E-331E-4EB2-B291-9DEB3AFD0855}" dt="2023-02-16T20:14:01.875" v="5111" actId="20577"/>
          <ac:spMkLst>
            <pc:docMk/>
            <pc:sldMk cId="1710448326" sldId="328"/>
            <ac:spMk id="10" creationId="{F99103F3-C109-5B0B-F9D7-DCC1385FC8C3}"/>
          </ac:spMkLst>
        </pc:spChg>
        <pc:spChg chg="mod">
          <ac:chgData name="Sorour Falahati" userId="8955ae62-45ff-43c9-8c3d-6aad30f36d67" providerId="ADAL" clId="{BCA02C7E-331E-4EB2-B291-9DEB3AFD0855}" dt="2023-02-16T20:12:57.529" v="5053" actId="1035"/>
          <ac:spMkLst>
            <pc:docMk/>
            <pc:sldMk cId="1710448326" sldId="328"/>
            <ac:spMk id="44" creationId="{53934EA9-4BD4-1E6F-CF2E-6B472385DCE5}"/>
          </ac:spMkLst>
        </pc:spChg>
        <pc:spChg chg="del">
          <ac:chgData name="Sorour Falahati" userId="8955ae62-45ff-43c9-8c3d-6aad30f36d67" providerId="ADAL" clId="{BCA02C7E-331E-4EB2-B291-9DEB3AFD0855}" dt="2023-02-16T20:14:32.914" v="5117" actId="478"/>
          <ac:spMkLst>
            <pc:docMk/>
            <pc:sldMk cId="1710448326" sldId="328"/>
            <ac:spMk id="46" creationId="{42455B5E-F785-D306-A751-170E10BFFFFD}"/>
          </ac:spMkLst>
        </pc:spChg>
        <pc:spChg chg="mod">
          <ac:chgData name="Sorour Falahati" userId="8955ae62-45ff-43c9-8c3d-6aad30f36d67" providerId="ADAL" clId="{BCA02C7E-331E-4EB2-B291-9DEB3AFD0855}" dt="2023-02-16T20:13:57.331" v="5109" actId="1036"/>
          <ac:spMkLst>
            <pc:docMk/>
            <pc:sldMk cId="1710448326" sldId="328"/>
            <ac:spMk id="47" creationId="{A0F83DAF-1818-CFB5-1EE4-C8C9361DE180}"/>
          </ac:spMkLst>
        </pc:spChg>
        <pc:spChg chg="del">
          <ac:chgData name="Sorour Falahati" userId="8955ae62-45ff-43c9-8c3d-6aad30f36d67" providerId="ADAL" clId="{BCA02C7E-331E-4EB2-B291-9DEB3AFD0855}" dt="2023-02-16T20:09:49.614" v="4907" actId="478"/>
          <ac:spMkLst>
            <pc:docMk/>
            <pc:sldMk cId="1710448326" sldId="328"/>
            <ac:spMk id="63" creationId="{9512151A-18A5-8910-87A6-CD1FCDB7C83E}"/>
          </ac:spMkLst>
        </pc:spChg>
        <pc:spChg chg="del">
          <ac:chgData name="Sorour Falahati" userId="8955ae62-45ff-43c9-8c3d-6aad30f36d67" providerId="ADAL" clId="{BCA02C7E-331E-4EB2-B291-9DEB3AFD0855}" dt="2023-02-16T20:09:41.449" v="4905" actId="478"/>
          <ac:spMkLst>
            <pc:docMk/>
            <pc:sldMk cId="1710448326" sldId="328"/>
            <ac:spMk id="64" creationId="{BCA38DBB-CB44-B06D-1668-40BAEF1BB747}"/>
          </ac:spMkLst>
        </pc:spChg>
        <pc:grpChg chg="del">
          <ac:chgData name="Sorour Falahati" userId="8955ae62-45ff-43c9-8c3d-6aad30f36d67" providerId="ADAL" clId="{BCA02C7E-331E-4EB2-B291-9DEB3AFD0855}" dt="2023-02-16T20:09:39.608" v="4904" actId="478"/>
          <ac:grpSpMkLst>
            <pc:docMk/>
            <pc:sldMk cId="1710448326" sldId="328"/>
            <ac:grpSpMk id="58" creationId="{69453A61-CE56-EC89-F72C-DA1FA77FDE6B}"/>
          </ac:grpSpMkLst>
        </pc:grpChg>
        <pc:grpChg chg="del">
          <ac:chgData name="Sorour Falahati" userId="8955ae62-45ff-43c9-8c3d-6aad30f36d67" providerId="ADAL" clId="{BCA02C7E-331E-4EB2-B291-9DEB3AFD0855}" dt="2023-02-16T20:09:47.379" v="4906" actId="478"/>
          <ac:grpSpMkLst>
            <pc:docMk/>
            <pc:sldMk cId="1710448326" sldId="328"/>
            <ac:grpSpMk id="59" creationId="{72B03E2C-308F-DF63-C682-4A28CAAC8693}"/>
          </ac:grpSpMkLst>
        </pc:grpChg>
        <pc:graphicFrameChg chg="add mod modGraphic">
          <ac:chgData name="Sorour Falahati" userId="8955ae62-45ff-43c9-8c3d-6aad30f36d67" providerId="ADAL" clId="{BCA02C7E-331E-4EB2-B291-9DEB3AFD0855}" dt="2023-02-16T20:13:28.915" v="5097"/>
          <ac:graphicFrameMkLst>
            <pc:docMk/>
            <pc:sldMk cId="1710448326" sldId="328"/>
            <ac:graphicFrameMk id="3" creationId="{22533EF4-D953-9B6F-2C76-B63C3B96B0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4" creationId="{2E34F1B5-CFE7-3A86-91B7-07C4D2EE0AD5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5" creationId="{3B8296E6-AD24-B9BD-B01D-AEBE635E4F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6" creationId="{ECF99CED-6AD7-EAC1-7774-EA5FB75AECA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7" creationId="{3B199E12-4F76-A9FC-1CFF-AB2F2B39A4F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8" creationId="{D7D221D2-3082-414C-0AEB-4A84CBDA274D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11" creationId="{9DED2DA8-C6B1-EF91-1BB5-CF98DA10AA3D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19" creationId="{140C989E-71B7-F438-2783-0D5DAABE916A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1" creationId="{0F594CA1-7A2D-6EAD-439E-D15FD7E73D4E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2" creationId="{64C0AAED-F39A-069C-7242-93D0E76FB4F6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39" creationId="{4F74B2CA-0780-9CEC-2EB0-D6DEF069BE37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40" creationId="{2A1FE7BB-B6AA-FDA8-8D6F-2FE346E5CC0C}"/>
          </ac:graphicFrameMkLst>
        </pc:graphicFrameChg>
        <pc:graphicFrameChg chg="modGraphic">
          <ac:chgData name="Sorour Falahati" userId="8955ae62-45ff-43c9-8c3d-6aad30f36d67" providerId="ADAL" clId="{BCA02C7E-331E-4EB2-B291-9DEB3AFD0855}" dt="2023-02-16T20:12:13.732" v="4998" actId="20577"/>
          <ac:graphicFrameMkLst>
            <pc:docMk/>
            <pc:sldMk cId="1710448326" sldId="328"/>
            <ac:graphicFrameMk id="45" creationId="{FCE962BB-C0B5-135C-DC4C-C10167ABA9B4}"/>
          </ac:graphicFrameMkLst>
        </pc:graphicFrameChg>
        <pc:graphicFrameChg chg="del">
          <ac:chgData name="Sorour Falahati" userId="8955ae62-45ff-43c9-8c3d-6aad30f36d67" providerId="ADAL" clId="{BCA02C7E-331E-4EB2-B291-9DEB3AFD0855}" dt="2023-02-16T20:09:34.833" v="4903" actId="478"/>
          <ac:graphicFrameMkLst>
            <pc:docMk/>
            <pc:sldMk cId="1710448326" sldId="328"/>
            <ac:graphicFrameMk id="65" creationId="{E16C4206-90E2-FBA4-604D-4194C008FF43}"/>
          </ac:graphicFrameMkLst>
        </pc:graphicFrameChg>
        <pc:cxnChg chg="add del mod">
          <ac:chgData name="Sorour Falahati" userId="8955ae62-45ff-43c9-8c3d-6aad30f36d67" providerId="ADAL" clId="{BCA02C7E-331E-4EB2-B291-9DEB3AFD0855}" dt="2023-02-16T20:14:22.307" v="5116" actId="478"/>
          <ac:cxnSpMkLst>
            <pc:docMk/>
            <pc:sldMk cId="1710448326" sldId="328"/>
            <ac:cxnSpMk id="13" creationId="{6B71388B-A35D-7A97-4A65-B050D8420304}"/>
          </ac:cxnSpMkLst>
        </pc:cxnChg>
      </pc:sldChg>
      <pc:sldChg chg="new del">
        <pc:chgData name="Sorour Falahati" userId="8955ae62-45ff-43c9-8c3d-6aad30f36d67" providerId="ADAL" clId="{BCA02C7E-331E-4EB2-B291-9DEB3AFD0855}" dt="2023-02-17T20:33:09.382" v="5311" actId="2696"/>
        <pc:sldMkLst>
          <pc:docMk/>
          <pc:sldMk cId="4133024670" sldId="329"/>
        </pc:sldMkLst>
      </pc:sldChg>
      <pc:sldChg chg="addSp modSp new mod modClrScheme chgLayout">
        <pc:chgData name="Sorour Falahati" userId="8955ae62-45ff-43c9-8c3d-6aad30f36d67" providerId="ADAL" clId="{BCA02C7E-331E-4EB2-B291-9DEB3AFD0855}" dt="2023-02-17T23:52:19.273" v="9881" actId="20577"/>
        <pc:sldMkLst>
          <pc:docMk/>
          <pc:sldMk cId="1198916134" sldId="330"/>
        </pc:sldMkLst>
        <pc:spChg chg="mod ord">
          <ac:chgData name="Sorour Falahati" userId="8955ae62-45ff-43c9-8c3d-6aad30f36d67" providerId="ADAL" clId="{BCA02C7E-331E-4EB2-B291-9DEB3AFD0855}" dt="2023-02-17T23:51:39.514" v="9845" actId="20577"/>
          <ac:spMkLst>
            <pc:docMk/>
            <pc:sldMk cId="1198916134" sldId="330"/>
            <ac:spMk id="2" creationId="{6B5A3DD6-E57B-5872-7B6B-A0BAF0BC099A}"/>
          </ac:spMkLst>
        </pc:spChg>
        <pc:spChg chg="add mod ord">
          <ac:chgData name="Sorour Falahati" userId="8955ae62-45ff-43c9-8c3d-6aad30f36d67" providerId="ADAL" clId="{BCA02C7E-331E-4EB2-B291-9DEB3AFD0855}" dt="2023-02-17T23:52:19.273" v="9881" actId="20577"/>
          <ac:spMkLst>
            <pc:docMk/>
            <pc:sldMk cId="1198916134" sldId="330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BCA02C7E-331E-4EB2-B291-9DEB3AFD0855}" dt="2023-02-17T22:01:01.541" v="7207" actId="2696"/>
        <pc:sldMkLst>
          <pc:docMk/>
          <pc:sldMk cId="3714117442" sldId="331"/>
        </pc:sldMkLst>
        <pc:spChg chg="mod">
          <ac:chgData name="Sorour Falahati" userId="8955ae62-45ff-43c9-8c3d-6aad30f36d67" providerId="ADAL" clId="{BCA02C7E-331E-4EB2-B291-9DEB3AFD0855}" dt="2023-02-17T20:53:06.357" v="5340" actId="20577"/>
          <ac:spMkLst>
            <pc:docMk/>
            <pc:sldMk cId="3714117442" sldId="331"/>
            <ac:spMk id="2" creationId="{398F1E1F-20F0-B380-756A-2B56E7BC4D83}"/>
          </ac:spMkLst>
        </pc:spChg>
        <pc:spChg chg="mod">
          <ac:chgData name="Sorour Falahati" userId="8955ae62-45ff-43c9-8c3d-6aad30f36d67" providerId="ADAL" clId="{BCA02C7E-331E-4EB2-B291-9DEB3AFD0855}" dt="2023-02-17T21:30:23.028" v="6179" actId="27636"/>
          <ac:spMkLst>
            <pc:docMk/>
            <pc:sldMk cId="3714117442" sldId="331"/>
            <ac:spMk id="3" creationId="{E2D1A009-4033-703A-2E68-5FE9258D842D}"/>
          </ac:spMkLst>
        </pc:spChg>
        <pc:picChg chg="add del mod">
          <ac:chgData name="Sorour Falahati" userId="8955ae62-45ff-43c9-8c3d-6aad30f36d67" providerId="ADAL" clId="{BCA02C7E-331E-4EB2-B291-9DEB3AFD0855}" dt="2023-02-17T21:39:17.160" v="6582" actId="21"/>
          <ac:picMkLst>
            <pc:docMk/>
            <pc:sldMk cId="3714117442" sldId="331"/>
            <ac:picMk id="4" creationId="{A6376F5E-8758-2570-5FA8-2EE2D04F1B34}"/>
          </ac:picMkLst>
        </pc:picChg>
      </pc:sldChg>
      <pc:sldChg chg="addSp modSp add mod modClrScheme chgLayout">
        <pc:chgData name="Sorour Falahati" userId="8955ae62-45ff-43c9-8c3d-6aad30f36d67" providerId="ADAL" clId="{BCA02C7E-331E-4EB2-B291-9DEB3AFD0855}" dt="2023-02-17T22:18:13.953" v="7719" actId="403"/>
        <pc:sldMkLst>
          <pc:docMk/>
          <pc:sldMk cId="4206860440" sldId="332"/>
        </pc:sldMkLst>
        <pc:spChg chg="mod ord">
          <ac:chgData name="Sorour Falahati" userId="8955ae62-45ff-43c9-8c3d-6aad30f36d67" providerId="ADAL" clId="{BCA02C7E-331E-4EB2-B291-9DEB3AFD0855}" dt="2023-02-17T22:00:51.019" v="7205" actId="20577"/>
          <ac:spMkLst>
            <pc:docMk/>
            <pc:sldMk cId="4206860440" sldId="33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BCA02C7E-331E-4EB2-B291-9DEB3AFD0855}" dt="2023-02-17T22:18:13.953" v="7719" actId="403"/>
          <ac:spMkLst>
            <pc:docMk/>
            <pc:sldMk cId="4206860440" sldId="332"/>
            <ac:spMk id="3" creationId="{E2D1A009-4033-703A-2E68-5FE9258D842D}"/>
          </ac:spMkLst>
        </pc:spChg>
        <pc:spChg chg="add mod ord">
          <ac:chgData name="Sorour Falahati" userId="8955ae62-45ff-43c9-8c3d-6aad30f36d67" providerId="ADAL" clId="{BCA02C7E-331E-4EB2-B291-9DEB3AFD0855}" dt="2023-02-17T21:58:03.503" v="7121" actId="207"/>
          <ac:spMkLst>
            <pc:docMk/>
            <pc:sldMk cId="4206860440" sldId="332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BCA02C7E-331E-4EB2-B291-9DEB3AFD0855}" dt="2023-02-17T22:00:55.434" v="7206" actId="1037"/>
          <ac:picMkLst>
            <pc:docMk/>
            <pc:sldMk cId="4206860440" sldId="332"/>
            <ac:picMk id="4" creationId="{6A9614BA-7C78-3195-FE04-3353CA860576}"/>
          </ac:picMkLst>
        </pc:picChg>
      </pc:sldChg>
      <pc:sldChg chg="addSp delSp modSp add del mod modClrScheme chgLayout">
        <pc:chgData name="Sorour Falahati" userId="8955ae62-45ff-43c9-8c3d-6aad30f36d67" providerId="ADAL" clId="{BCA02C7E-331E-4EB2-B291-9DEB3AFD0855}" dt="2023-02-17T23:12:13.590" v="8858" actId="2696"/>
        <pc:sldMkLst>
          <pc:docMk/>
          <pc:sldMk cId="331337153" sldId="333"/>
        </pc:sldMkLst>
        <pc:spChg chg="mod">
          <ac:chgData name="Sorour Falahati" userId="8955ae62-45ff-43c9-8c3d-6aad30f36d67" providerId="ADAL" clId="{BCA02C7E-331E-4EB2-B291-9DEB3AFD0855}" dt="2023-02-17T22:03:52.689" v="7296" actId="27636"/>
          <ac:spMkLst>
            <pc:docMk/>
            <pc:sldMk cId="331337153" sldId="333"/>
            <ac:spMk id="2" creationId="{398F1E1F-20F0-B380-756A-2B56E7BC4D83}"/>
          </ac:spMkLst>
        </pc:spChg>
        <pc:spChg chg="del">
          <ac:chgData name="Sorour Falahati" userId="8955ae62-45ff-43c9-8c3d-6aad30f36d67" providerId="ADAL" clId="{BCA02C7E-331E-4EB2-B291-9DEB3AFD0855}" dt="2023-02-17T22:03:44.367" v="7294"/>
          <ac:spMkLst>
            <pc:docMk/>
            <pc:sldMk cId="331337153" sldId="333"/>
            <ac:spMk id="3" creationId="{E2D1A009-4033-703A-2E68-5FE9258D842D}"/>
          </ac:spMkLst>
        </pc:spChg>
        <pc:spChg chg="add mod">
          <ac:chgData name="Sorour Falahati" userId="8955ae62-45ff-43c9-8c3d-6aad30f36d67" providerId="ADAL" clId="{BCA02C7E-331E-4EB2-B291-9DEB3AFD0855}" dt="2023-02-17T22:17:29.332" v="7691" actId="207"/>
          <ac:spMkLst>
            <pc:docMk/>
            <pc:sldMk cId="331337153" sldId="33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2:18:38.387" v="7731" actId="20577"/>
          <ac:spMkLst>
            <pc:docMk/>
            <pc:sldMk cId="331337153" sldId="333"/>
            <ac:spMk id="9" creationId="{0ABF8838-5AE1-52EE-8907-0C120EB29799}"/>
          </ac:spMkLst>
        </pc:spChg>
        <pc:graphicFrameChg chg="add del mod modGraphic">
          <ac:chgData name="Sorour Falahati" userId="8955ae62-45ff-43c9-8c3d-6aad30f36d67" providerId="ADAL" clId="{BCA02C7E-331E-4EB2-B291-9DEB3AFD0855}" dt="2023-02-17T22:25:38.685" v="7905" actId="21"/>
          <ac:graphicFrameMkLst>
            <pc:docMk/>
            <pc:sldMk cId="331337153" sldId="333"/>
            <ac:graphicFrameMk id="11" creationId="{7282C9EE-C608-D5BC-C891-E34DA28A06A8}"/>
          </ac:graphicFrameMkLst>
        </pc:graphicFrameChg>
        <pc:picChg chg="add del mod">
          <ac:chgData name="Sorour Falahati" userId="8955ae62-45ff-43c9-8c3d-6aad30f36d67" providerId="ADAL" clId="{BCA02C7E-331E-4EB2-B291-9DEB3AFD0855}" dt="2023-02-17T22:14:12.788" v="7569" actId="478"/>
          <ac:picMkLst>
            <pc:docMk/>
            <pc:sldMk cId="331337153" sldId="333"/>
            <ac:picMk id="4" creationId="{16D2290E-47E9-B684-3E86-0F11B1855103}"/>
          </ac:picMkLst>
        </pc:picChg>
        <pc:picChg chg="add del mod">
          <ac:chgData name="Sorour Falahati" userId="8955ae62-45ff-43c9-8c3d-6aad30f36d67" providerId="ADAL" clId="{BCA02C7E-331E-4EB2-B291-9DEB3AFD0855}" dt="2023-02-17T22:19:38.146" v="7736" actId="478"/>
          <ac:picMkLst>
            <pc:docMk/>
            <pc:sldMk cId="331337153" sldId="333"/>
            <ac:picMk id="7" creationId="{85B49488-5E26-8E37-B3D2-536C673514C6}"/>
          </ac:picMkLst>
        </pc:picChg>
        <pc:picChg chg="add mod">
          <ac:chgData name="Sorour Falahati" userId="8955ae62-45ff-43c9-8c3d-6aad30f36d67" providerId="ADAL" clId="{BCA02C7E-331E-4EB2-B291-9DEB3AFD0855}" dt="2023-02-17T22:19:29.157" v="7735" actId="1076"/>
          <ac:picMkLst>
            <pc:docMk/>
            <pc:sldMk cId="331337153" sldId="333"/>
            <ac:picMk id="8" creationId="{CCEBDD7A-5A69-2EA0-6E3D-72A1868B9177}"/>
          </ac:picMkLst>
        </pc:picChg>
        <pc:picChg chg="add mod">
          <ac:chgData name="Sorour Falahati" userId="8955ae62-45ff-43c9-8c3d-6aad30f36d67" providerId="ADAL" clId="{BCA02C7E-331E-4EB2-B291-9DEB3AFD0855}" dt="2023-02-17T22:35:58.839" v="7910" actId="1076"/>
          <ac:picMkLst>
            <pc:docMk/>
            <pc:sldMk cId="331337153" sldId="333"/>
            <ac:picMk id="10" creationId="{6E29979F-71E8-10F5-1CCC-692CBA01C939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7T23:49:01.840" v="9812" actId="2696"/>
        <pc:sldMkLst>
          <pc:docMk/>
          <pc:sldMk cId="3587911447" sldId="334"/>
        </pc:sldMkLst>
        <pc:spChg chg="add mod">
          <ac:chgData name="Sorour Falahati" userId="8955ae62-45ff-43c9-8c3d-6aad30f36d67" providerId="ADAL" clId="{BCA02C7E-331E-4EB2-B291-9DEB3AFD0855}" dt="2023-02-17T22:14:41.655" v="7572" actId="21"/>
          <ac:spMkLst>
            <pc:docMk/>
            <pc:sldMk cId="3587911447" sldId="334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2:25:13.545" v="7904" actId="20577"/>
          <ac:spMkLst>
            <pc:docMk/>
            <pc:sldMk cId="3587911447" sldId="334"/>
            <ac:spMk id="9" creationId="{0ABF8838-5AE1-52EE-8907-0C120EB29799}"/>
          </ac:spMkLst>
        </pc:spChg>
        <pc:graphicFrameChg chg="add mod">
          <ac:chgData name="Sorour Falahati" userId="8955ae62-45ff-43c9-8c3d-6aad30f36d67" providerId="ADAL" clId="{BCA02C7E-331E-4EB2-B291-9DEB3AFD0855}" dt="2023-02-17T22:26:08.935" v="7909" actId="1076"/>
          <ac:graphicFrameMkLst>
            <pc:docMk/>
            <pc:sldMk cId="3587911447" sldId="334"/>
            <ac:graphicFrameMk id="6" creationId="{BA5ED101-21DC-82B7-A87D-1AC6282CAFA5}"/>
          </ac:graphicFrameMkLst>
        </pc:graphicFrameChg>
        <pc:picChg chg="del">
          <ac:chgData name="Sorour Falahati" userId="8955ae62-45ff-43c9-8c3d-6aad30f36d67" providerId="ADAL" clId="{BCA02C7E-331E-4EB2-B291-9DEB3AFD0855}" dt="2023-02-17T22:14:41.655" v="7572" actId="21"/>
          <ac:picMkLst>
            <pc:docMk/>
            <pc:sldMk cId="3587911447" sldId="334"/>
            <ac:picMk id="4" creationId="{16D2290E-47E9-B684-3E86-0F11B1855103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13:10.329" v="8893" actId="1036"/>
        <pc:sldMkLst>
          <pc:docMk/>
          <pc:sldMk cId="3106438973" sldId="335"/>
        </pc:sldMkLst>
        <pc:spChg chg="mod">
          <ac:chgData name="Sorour Falahati" userId="8955ae62-45ff-43c9-8c3d-6aad30f36d67" providerId="ADAL" clId="{BCA02C7E-331E-4EB2-B291-9DEB3AFD0855}" dt="2023-02-17T23:10:38.824" v="8855" actId="207"/>
          <ac:spMkLst>
            <pc:docMk/>
            <pc:sldMk cId="3106438973" sldId="335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3:09:17.095" v="8736" actId="13822"/>
          <ac:spMkLst>
            <pc:docMk/>
            <pc:sldMk cId="3106438973" sldId="335"/>
            <ac:spMk id="7" creationId="{FA60BD1F-4767-71D9-252B-C91467E30D10}"/>
          </ac:spMkLst>
        </pc:spChg>
        <pc:spChg chg="mod">
          <ac:chgData name="Sorour Falahati" userId="8955ae62-45ff-43c9-8c3d-6aad30f36d67" providerId="ADAL" clId="{BCA02C7E-331E-4EB2-B291-9DEB3AFD0855}" dt="2023-02-17T23:07:19.439" v="8720" actId="404"/>
          <ac:spMkLst>
            <pc:docMk/>
            <pc:sldMk cId="3106438973" sldId="335"/>
            <ac:spMk id="9" creationId="{0ABF8838-5AE1-52EE-8907-0C120EB29799}"/>
          </ac:spMkLst>
        </pc:spChg>
        <pc:spChg chg="add mod">
          <ac:chgData name="Sorour Falahati" userId="8955ae62-45ff-43c9-8c3d-6aad30f36d67" providerId="ADAL" clId="{BCA02C7E-331E-4EB2-B291-9DEB3AFD0855}" dt="2023-02-17T23:12:31.240" v="8865" actId="20577"/>
          <ac:spMkLst>
            <pc:docMk/>
            <pc:sldMk cId="3106438973" sldId="335"/>
            <ac:spMk id="11" creationId="{E989F3BF-2C1D-84FB-2F59-5ACC72145661}"/>
          </ac:spMkLst>
        </pc:spChg>
        <pc:graphicFrameChg chg="add del mod">
          <ac:chgData name="Sorour Falahati" userId="8955ae62-45ff-43c9-8c3d-6aad30f36d67" providerId="ADAL" clId="{BCA02C7E-331E-4EB2-B291-9DEB3AFD0855}" dt="2023-02-17T23:06:05.789" v="8711" actId="478"/>
          <ac:graphicFrameMkLst>
            <pc:docMk/>
            <pc:sldMk cId="3106438973" sldId="335"/>
            <ac:graphicFrameMk id="3" creationId="{E0CA6C08-EF71-FE58-F715-F43A5FE1634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7T23:06:15.184" v="8715"/>
          <ac:graphicFrameMkLst>
            <pc:docMk/>
            <pc:sldMk cId="3106438973" sldId="335"/>
            <ac:graphicFrameMk id="4" creationId="{84AC70C6-D7FC-4CA6-C502-B2165EBBDC78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7T23:12:22.929" v="8864" actId="1036"/>
          <ac:graphicFrameMkLst>
            <pc:docMk/>
            <pc:sldMk cId="3106438973" sldId="335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BCA02C7E-331E-4EB2-B291-9DEB3AFD0855}" dt="2023-02-17T23:13:10.329" v="8893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BCA02C7E-331E-4EB2-B291-9DEB3AFD0855}" dt="2023-02-17T23:13:07.240" v="8891" actId="1036"/>
          <ac:picMkLst>
            <pc:docMk/>
            <pc:sldMk cId="3106438973" sldId="335"/>
            <ac:picMk id="10" creationId="{6E29979F-71E8-10F5-1CCC-692CBA01C939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48:53.607" v="9811" actId="20577"/>
        <pc:sldMkLst>
          <pc:docMk/>
          <pc:sldMk cId="2057741460" sldId="336"/>
        </pc:sldMkLst>
        <pc:spChg chg="mod">
          <ac:chgData name="Sorour Falahati" userId="8955ae62-45ff-43c9-8c3d-6aad30f36d67" providerId="ADAL" clId="{BCA02C7E-331E-4EB2-B291-9DEB3AFD0855}" dt="2023-02-17T23:48:53.607" v="9811" actId="20577"/>
          <ac:spMkLst>
            <pc:docMk/>
            <pc:sldMk cId="2057741460" sldId="336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3:41:38.906" v="9588" actId="20577"/>
          <ac:spMkLst>
            <pc:docMk/>
            <pc:sldMk cId="2057741460" sldId="336"/>
            <ac:spMk id="9" creationId="{0ABF8838-5AE1-52EE-8907-0C120EB29799}"/>
          </ac:spMkLst>
        </pc:spChg>
        <pc:graphicFrameChg chg="del">
          <ac:chgData name="Sorour Falahati" userId="8955ae62-45ff-43c9-8c3d-6aad30f36d67" providerId="ADAL" clId="{BCA02C7E-331E-4EB2-B291-9DEB3AFD0855}" dt="2023-02-17T23:11:08.853" v="8857" actId="478"/>
          <ac:graphicFrameMkLst>
            <pc:docMk/>
            <pc:sldMk cId="2057741460" sldId="336"/>
            <ac:graphicFrameMk id="6" creationId="{BA5ED101-21DC-82B7-A87D-1AC6282CAFA5}"/>
          </ac:graphicFrameMkLst>
        </pc:graphicFrameChg>
        <pc:picChg chg="add mod">
          <ac:chgData name="Sorour Falahati" userId="8955ae62-45ff-43c9-8c3d-6aad30f36d67" providerId="ADAL" clId="{BCA02C7E-331E-4EB2-B291-9DEB3AFD0855}" dt="2023-02-17T23:28:41.280" v="9227" actId="1037"/>
          <ac:picMkLst>
            <pc:docMk/>
            <pc:sldMk cId="2057741460" sldId="336"/>
            <ac:picMk id="3" creationId="{D01C45EF-7C26-22C5-9298-C54CAEA17976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2:50.201" v="9924" actId="20577"/>
        <pc:sldMkLst>
          <pc:docMk/>
          <pc:sldMk cId="3478765427" sldId="337"/>
        </pc:sldMkLst>
        <pc:spChg chg="mod">
          <ac:chgData name="Sorour Falahati" userId="8955ae62-45ff-43c9-8c3d-6aad30f36d67" providerId="ADAL" clId="{BCA02C7E-331E-4EB2-B291-9DEB3AFD0855}" dt="2023-02-17T23:52:50.201" v="9924" actId="20577"/>
          <ac:spMkLst>
            <pc:docMk/>
            <pc:sldMk cId="3478765427" sldId="337"/>
            <ac:spMk id="3" creationId="{2A9FE8AA-63AB-5799-BF79-F4406B0E919D}"/>
          </ac:spMkLst>
        </pc:spChg>
      </pc:sldChg>
      <pc:sldChg chg="addSp delSp modSp add del mod">
        <pc:chgData name="Sorour Falahati" userId="8955ae62-45ff-43c9-8c3d-6aad30f36d67" providerId="ADAL" clId="{BCA02C7E-331E-4EB2-B291-9DEB3AFD0855}" dt="2023-02-17T23:54:57.429" v="9953" actId="2696"/>
        <pc:sldMkLst>
          <pc:docMk/>
          <pc:sldMk cId="1550749399" sldId="2147374151"/>
        </pc:sldMkLst>
        <pc:spChg chg="mod">
          <ac:chgData name="Sorour Falahati" userId="8955ae62-45ff-43c9-8c3d-6aad30f36d67" providerId="ADAL" clId="{BCA02C7E-331E-4EB2-B291-9DEB3AFD0855}" dt="2023-02-17T23:54:06.830" v="9949" actId="14100"/>
          <ac:spMkLst>
            <pc:docMk/>
            <pc:sldMk cId="1550749399" sldId="2147374151"/>
            <ac:spMk id="2" creationId="{C828670C-3A74-41CD-8525-11CD825B99F1}"/>
          </ac:spMkLst>
        </pc:spChg>
        <pc:spChg chg="mod">
          <ac:chgData name="Sorour Falahati" userId="8955ae62-45ff-43c9-8c3d-6aad30f36d67" providerId="ADAL" clId="{BCA02C7E-331E-4EB2-B291-9DEB3AFD0855}" dt="2023-02-17T23:53:56.457" v="9947" actId="27636"/>
          <ac:spMkLst>
            <pc:docMk/>
            <pc:sldMk cId="1550749399" sldId="2147374151"/>
            <ac:spMk id="3" creationId="{B1D26FE3-2E3E-46C6-8FBF-5047E8918F34}"/>
          </ac:spMkLst>
        </pc:spChg>
        <pc:spChg chg="add mod">
          <ac:chgData name="Sorour Falahati" userId="8955ae62-45ff-43c9-8c3d-6aad30f36d67" providerId="ADAL" clId="{BCA02C7E-331E-4EB2-B291-9DEB3AFD0855}" dt="2023-02-17T23:54:12.656" v="9950" actId="478"/>
          <ac:spMkLst>
            <pc:docMk/>
            <pc:sldMk cId="1550749399" sldId="2147374151"/>
            <ac:spMk id="5" creationId="{72E046ED-1FD9-9003-810C-5D3D7D73E81B}"/>
          </ac:spMkLst>
        </pc:spChg>
        <pc:picChg chg="del">
          <ac:chgData name="Sorour Falahati" userId="8955ae62-45ff-43c9-8c3d-6aad30f36d67" providerId="ADAL" clId="{BCA02C7E-331E-4EB2-B291-9DEB3AFD0855}" dt="2023-02-17T23:54:12.656" v="9950" actId="478"/>
          <ac:picMkLst>
            <pc:docMk/>
            <pc:sldMk cId="1550749399" sldId="2147374151"/>
            <ac:picMk id="6" creationId="{51DBFE48-1E10-42E0-BC36-0DA5729A4B89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3:49.806" v="9946" actId="1035"/>
        <pc:sldMkLst>
          <pc:docMk/>
          <pc:sldMk cId="2418868563" sldId="2147374194"/>
        </pc:sldMkLst>
        <pc:spChg chg="mod">
          <ac:chgData name="Sorour Falahati" userId="8955ae62-45ff-43c9-8c3d-6aad30f36d67" providerId="ADAL" clId="{BCA02C7E-331E-4EB2-B291-9DEB3AFD0855}" dt="2023-02-17T23:53:38.485" v="9926" actId="404"/>
          <ac:spMkLst>
            <pc:docMk/>
            <pc:sldMk cId="2418868563" sldId="2147374194"/>
            <ac:spMk id="5" creationId="{F6C2C2EF-7255-48AE-BE79-4B075987AC97}"/>
          </ac:spMkLst>
        </pc:spChg>
        <pc:spChg chg="mod">
          <ac:chgData name="Sorour Falahati" userId="8955ae62-45ff-43c9-8c3d-6aad30f36d67" providerId="ADAL" clId="{BCA02C7E-331E-4EB2-B291-9DEB3AFD0855}" dt="2023-02-17T23:53:43.043" v="9927" actId="404"/>
          <ac:spMkLst>
            <pc:docMk/>
            <pc:sldMk cId="2418868563" sldId="2147374194"/>
            <ac:spMk id="6" creationId="{1F616854-D738-4747-8417-5CFECB77632C}"/>
          </ac:spMkLst>
        </pc:spChg>
        <pc:picChg chg="mod">
          <ac:chgData name="Sorour Falahati" userId="8955ae62-45ff-43c9-8c3d-6aad30f36d67" providerId="ADAL" clId="{BCA02C7E-331E-4EB2-B291-9DEB3AFD0855}" dt="2023-02-17T23:53:49.806" v="9946" actId="1035"/>
          <ac:picMkLst>
            <pc:docMk/>
            <pc:sldMk cId="2418868563" sldId="2147374194"/>
            <ac:picMk id="7" creationId="{B9CEE8DF-73B9-43C7-A332-20E0F745F196}"/>
          </ac:picMkLst>
        </pc:picChg>
      </pc:sldChg>
      <pc:sldChg chg="addSp delSp modSp new mod modClrScheme chgLayout">
        <pc:chgData name="Sorour Falahati" userId="8955ae62-45ff-43c9-8c3d-6aad30f36d67" providerId="ADAL" clId="{BCA02C7E-331E-4EB2-B291-9DEB3AFD0855}" dt="2023-02-18T00:32:50.506" v="11066" actId="27636"/>
        <pc:sldMkLst>
          <pc:docMk/>
          <pc:sldMk cId="1421568580" sldId="2147374195"/>
        </pc:sldMkLst>
        <pc:spChg chg="mod ord">
          <ac:chgData name="Sorour Falahati" userId="8955ae62-45ff-43c9-8c3d-6aad30f36d67" providerId="ADAL" clId="{BCA02C7E-331E-4EB2-B291-9DEB3AFD0855}" dt="2023-02-18T00:18:17.007" v="10571" actId="700"/>
          <ac:spMkLst>
            <pc:docMk/>
            <pc:sldMk cId="1421568580" sldId="2147374195"/>
            <ac:spMk id="2" creationId="{0AF0E210-303A-77F3-9CB7-E5BB1BE01B3F}"/>
          </ac:spMkLst>
        </pc:spChg>
        <pc:spChg chg="mod ord">
          <ac:chgData name="Sorour Falahati" userId="8955ae62-45ff-43c9-8c3d-6aad30f36d67" providerId="ADAL" clId="{BCA02C7E-331E-4EB2-B291-9DEB3AFD0855}" dt="2023-02-18T00:32:37.464" v="11064" actId="15"/>
          <ac:spMkLst>
            <pc:docMk/>
            <pc:sldMk cId="1421568580" sldId="2147374195"/>
            <ac:spMk id="3" creationId="{AF02E923-5689-02D3-C098-3B6828984885}"/>
          </ac:spMkLst>
        </pc:spChg>
        <pc:spChg chg="add mod ord">
          <ac:chgData name="Sorour Falahati" userId="8955ae62-45ff-43c9-8c3d-6aad30f36d67" providerId="ADAL" clId="{BCA02C7E-331E-4EB2-B291-9DEB3AFD0855}" dt="2023-02-18T00:32:50.506" v="11066" actId="27636"/>
          <ac:spMkLst>
            <pc:docMk/>
            <pc:sldMk cId="1421568580" sldId="2147374195"/>
            <ac:spMk id="4" creationId="{92595CF3-3278-99E9-091F-0C454D8E3C63}"/>
          </ac:spMkLst>
        </pc:spChg>
        <pc:spChg chg="add del">
          <ac:chgData name="Sorour Falahati" userId="8955ae62-45ff-43c9-8c3d-6aad30f36d67" providerId="ADAL" clId="{BCA02C7E-331E-4EB2-B291-9DEB3AFD0855}" dt="2023-02-18T00:28:14.845" v="10876"/>
          <ac:spMkLst>
            <pc:docMk/>
            <pc:sldMk cId="1421568580" sldId="2147374195"/>
            <ac:spMk id="5" creationId="{CA5E16BE-A10C-0E80-E7A7-A271BEF244F3}"/>
          </ac:spMkLst>
        </pc:spChg>
        <pc:spChg chg="add del">
          <ac:chgData name="Sorour Falahati" userId="8955ae62-45ff-43c9-8c3d-6aad30f36d67" providerId="ADAL" clId="{BCA02C7E-331E-4EB2-B291-9DEB3AFD0855}" dt="2023-02-18T00:28:36.719" v="10880" actId="478"/>
          <ac:spMkLst>
            <pc:docMk/>
            <pc:sldMk cId="1421568580" sldId="2147374195"/>
            <ac:spMk id="6" creationId="{8BFC3D8B-85AD-5F10-9921-A36B86DAF7CC}"/>
          </ac:spMkLst>
        </pc:spChg>
      </pc:sldChg>
      <pc:sldMasterChg chg="modSldLayout">
        <pc:chgData name="Sorour Falahati" userId="8955ae62-45ff-43c9-8c3d-6aad30f36d67" providerId="ADAL" clId="{BCA02C7E-331E-4EB2-B291-9DEB3AFD0855}" dt="2023-02-17T20:32:28.820" v="530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BCA02C7E-331E-4EB2-B291-9DEB3AFD0855}" dt="2023-02-17T20:32:28.620" v="514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BCA02C7E-331E-4EB2-B291-9DEB3AFD0855}" dt="2023-02-17T20:32:28.620" v="514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5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BCA02C7E-331E-4EB2-B291-9DEB3AFD0855}" dt="2023-02-17T20:32:28.638" v="515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BCA02C7E-331E-4EB2-B291-9DEB3AFD0855}" dt="2023-02-17T20:32:28.638" v="516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BCA02C7E-331E-4EB2-B291-9DEB3AFD0855}" dt="2023-02-17T20:32:28.638" v="516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BCA02C7E-331E-4EB2-B291-9DEB3AFD0855}" dt="2023-02-17T20:32:28.638" v="516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BCA02C7E-331E-4EB2-B291-9DEB3AFD0855}" dt="2023-02-17T20:32:28.654" v="517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BCA02C7E-331E-4EB2-B291-9DEB3AFD0855}" dt="2023-02-17T20:32:28.654" v="517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8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BCA02C7E-331E-4EB2-B291-9DEB3AFD0855}" dt="2023-02-17T20:32:28.654" v="518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BCA02C7E-331E-4EB2-B291-9DEB3AFD0855}" dt="2023-02-17T20:32:28.670" v="518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BCA02C7E-331E-4EB2-B291-9DEB3AFD0855}" dt="2023-02-17T20:32:28.670" v="518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BCA02C7E-331E-4EB2-B291-9DEB3AFD0855}" dt="2023-02-17T20:32:28.670" v="519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BCA02C7E-331E-4EB2-B291-9DEB3AFD0855}" dt="2023-02-17T20:32:28.687" v="520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BCA02C7E-331E-4EB2-B291-9DEB3AFD0855}" dt="2023-02-17T20:32:28.723" v="523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BCA02C7E-331E-4EB2-B291-9DEB3AFD0855}" dt="2023-02-17T20:32:28.754" v="526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BCA02C7E-331E-4EB2-B291-9DEB3AFD0855}" dt="2023-02-17T20:32:28.754" v="526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BCA02C7E-331E-4EB2-B291-9DEB3AFD0855}" dt="2023-02-17T20:32:28.787" v="528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9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BCA02C7E-331E-4EB2-B291-9DEB3AFD0855}" dt="2023-02-17T20:32:28.787" v="529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29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BCA02C7E-331E-4EB2-B291-9DEB3AFD0855}" dt="2023-02-17T20:32:28.803" v="529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30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BCA02C7E-331E-4EB2-B291-9DEB3AFD0855}" dt="2023-02-17T20:32:28.803" v="530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BCA02C7E-331E-4EB2-B291-9DEB3AFD0855}" dt="2023-02-17T20:32:28.820" v="530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BCA02C7E-331E-4EB2-B291-9DEB3AFD0855}" dt="2023-02-17T20:32:28.738" v="524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BCA02C7E-331E-4EB2-B291-9DEB3AFD0855}" dt="2023-02-17T20:32:28.738" v="524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5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BCA02C7E-331E-4EB2-B291-9DEB3AFD0855}" dt="2023-02-17T20:32:28.738" v="525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5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BCA02C7E-331E-4EB2-B291-9DEB3AFD0855}" dt="2023-02-17T20:32:28.754" v="525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BCA02C7E-331E-4EB2-B291-9DEB3AFD0855}" dt="2023-02-17T20:32:28.754" v="526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BCA02C7E-331E-4EB2-B291-9DEB3AFD0855}" dt="2023-02-17T20:32:28.771" v="527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BCA02C7E-331E-4EB2-B291-9DEB3AFD0855}" dt="2023-02-17T20:32:28.771" v="527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8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BCA02C7E-331E-4EB2-B291-9DEB3AFD0855}" dt="2023-02-17T20:32:28.771" v="528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BCA02C7E-331E-4EB2-B291-9DEB3AFD0855}" dt="2023-02-17T20:32:28.820" v="530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BCA02C7E-331E-4EB2-B291-9DEB3AFD0855}" dt="2023-02-17T20:32:28.670" v="519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5" v="515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BCA02C7E-331E-4EB2-B291-9DEB3AFD0855}" dt="2023-02-17T20:32:28.635" v="515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4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BCA02C7E-331E-4EB2-B291-9DEB3AFD0855}" dt="2023-02-17T20:32:28.723" v="524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BCA02C7E-331E-4EB2-B291-9DEB3AFD0855}" dt="2023-02-17T20:32:28.787" v="528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BCA02C7E-331E-4EB2-B291-9DEB3AFD0855}" dt="2023-02-17T20:32:28.687" v="520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BCA02C7E-331E-4EB2-B291-9DEB3AFD0855}" dt="2023-02-17T20:32:28.687" v="520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3" v="521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BCA02C7E-331E-4EB2-B291-9DEB3AFD0855}" dt="2023-02-17T20:32:28.703" v="521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1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BCA02C7E-331E-4EB2-B291-9DEB3AFD0855}" dt="2023-02-17T20:32:28.706" v="521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BCA02C7E-331E-4EB2-B291-9DEB3AFD0855}" dt="2023-02-17T20:32:28.706" v="522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BCA02C7E-331E-4EB2-B291-9DEB3AFD0855}" dt="2023-02-17T20:32:28.706" v="522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2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BCA02C7E-331E-4EB2-B291-9DEB3AFD0855}" dt="2023-02-17T20:32:28.723" v="522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BCA02C7E-331E-4EB2-B291-9DEB3AFD0855}" dt="2023-02-17T20:32:28.723" v="523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73CCA808-DD04-4801-BA94-88849201A961}"/>
    <pc:docChg chg="undo redo custSel addSld delSld modSld modMainMaster">
      <pc:chgData name="Sorour Falahati" userId="8955ae62-45ff-43c9-8c3d-6aad30f36d67" providerId="ADAL" clId="{73CCA808-DD04-4801-BA94-88849201A961}" dt="2023-05-23T18:13:29.840" v="12620" actId="47"/>
      <pc:docMkLst>
        <pc:docMk/>
      </pc:docMkLst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863660523" sldId="28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921334400" sldId="289"/>
        </pc:sldMkLst>
      </pc:sldChg>
      <pc:sldChg chg="del">
        <pc:chgData name="Sorour Falahati" userId="8955ae62-45ff-43c9-8c3d-6aad30f36d67" providerId="ADAL" clId="{73CCA808-DD04-4801-BA94-88849201A961}" dt="2023-05-22T15:57:19.302" v="2750" actId="2696"/>
        <pc:sldMkLst>
          <pc:docMk/>
          <pc:sldMk cId="3801232438" sldId="322"/>
        </pc:sldMkLst>
      </pc:sldChg>
      <pc:sldChg chg="del">
        <pc:chgData name="Sorour Falahati" userId="8955ae62-45ff-43c9-8c3d-6aad30f36d67" providerId="ADAL" clId="{73CCA808-DD04-4801-BA94-88849201A961}" dt="2023-05-22T15:57:09.443" v="2749" actId="47"/>
        <pc:sldMkLst>
          <pc:docMk/>
          <pc:sldMk cId="96551546" sldId="2147374197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1635178608" sldId="2147374199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3957370297" sldId="2147374202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641795527" sldId="2147374203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4038996066" sldId="2147374204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1828577344" sldId="2147374205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00206225" sldId="2147374206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3374472968" sldId="2147374206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221818596" sldId="2147374207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222060218" sldId="2147374207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926952797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323915164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2325351728" sldId="214737420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4236009957" sldId="2147374209"/>
        </pc:sldMkLst>
      </pc:sldChg>
      <pc:sldChg chg="new del">
        <pc:chgData name="Sorour Falahati" userId="8955ae62-45ff-43c9-8c3d-6aad30f36d67" providerId="ADAL" clId="{73CCA808-DD04-4801-BA94-88849201A961}" dt="2023-05-22T16:25:07.021" v="3743" actId="2696"/>
        <pc:sldMkLst>
          <pc:docMk/>
          <pc:sldMk cId="1158837053" sldId="2147374210"/>
        </pc:sldMkLst>
      </pc:sldChg>
      <pc:sldChg chg="addSp delSp modSp new del mod modClrScheme chgLayout">
        <pc:chgData name="Sorour Falahati" userId="8955ae62-45ff-43c9-8c3d-6aad30f36d67" providerId="ADAL" clId="{73CCA808-DD04-4801-BA94-88849201A961}" dt="2023-05-23T18:01:35.991" v="12219" actId="47"/>
        <pc:sldMkLst>
          <pc:docMk/>
          <pc:sldMk cId="4119101682" sldId="2147374211"/>
        </pc:sldMkLst>
        <pc:spChg chg="del mod ord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2" creationId="{A5A852E7-7BB1-86DD-DBB0-24574F09B3F9}"/>
          </ac:spMkLst>
        </pc:spChg>
        <pc:spChg chg="del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3" creationId="{8789E50B-8159-01EB-62DE-287BDAB976A5}"/>
          </ac:spMkLst>
        </pc:spChg>
        <pc:spChg chg="add del mod ord">
          <ac:chgData name="Sorour Falahati" userId="8955ae62-45ff-43c9-8c3d-6aad30f36d67" providerId="ADAL" clId="{73CCA808-DD04-4801-BA94-88849201A961}" dt="2023-05-22T14:51:31.589" v="1085" actId="700"/>
          <ac:spMkLst>
            <pc:docMk/>
            <pc:sldMk cId="4119101682" sldId="2147374211"/>
            <ac:spMk id="4" creationId="{70EE240D-7C2F-6952-D50A-918C95479F15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7" creationId="{219FC566-C187-9911-D047-592248323BEA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8" creationId="{AFE99246-46B6-95E3-F1A7-5D02206842AB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9" creationId="{25600F82-906D-B7CE-A2CF-5ACF3B589C58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0" creationId="{69B765FF-ED40-EFFC-2187-A051B08C096A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1" creationId="{332CF795-920D-CC97-2C9E-2E116F10B969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2" creationId="{EC02D9F8-AE37-DB20-6881-9E0FFB11E3F2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3" creationId="{640AC9A1-0936-63DE-B60C-4ED4EC427063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4" creationId="{9E614CEE-6330-8E40-097C-CBB5AD4C3D99}"/>
          </ac:spMkLst>
        </pc:spChg>
        <pc:spChg chg="mod">
          <ac:chgData name="Sorour Falahati" userId="8955ae62-45ff-43c9-8c3d-6aad30f36d67" providerId="ADAL" clId="{73CCA808-DD04-4801-BA94-88849201A961}" dt="2023-05-22T14:39:20.304" v="356" actId="1036"/>
          <ac:spMkLst>
            <pc:docMk/>
            <pc:sldMk cId="4119101682" sldId="2147374211"/>
            <ac:spMk id="19" creationId="{68E4BD8D-AB05-4CAD-D0C9-494767E59DD9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0" creationId="{8FF8CF92-ADE0-78BE-D8F3-CFA41BE6C01A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1" creationId="{C5A2BCEB-BB19-E6F7-476B-37DBE96A3C10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2" creationId="{C75456B6-D1F6-490E-D577-CDAA3B4E10A8}"/>
          </ac:spMkLst>
        </pc:spChg>
        <pc:spChg chg="mod">
          <ac:chgData name="Sorour Falahati" userId="8955ae62-45ff-43c9-8c3d-6aad30f36d67" providerId="ADAL" clId="{73CCA808-DD04-4801-BA94-88849201A961}" dt="2023-05-22T14:39:22.259" v="357" actId="1036"/>
          <ac:spMkLst>
            <pc:docMk/>
            <pc:sldMk cId="4119101682" sldId="2147374211"/>
            <ac:spMk id="23" creationId="{C68B1C9F-7CE5-0DB4-4860-0FB607B5F75C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4" creationId="{9DAB5AC0-1DC5-1071-7A99-354917A4F8FC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6" creationId="{E4C68CE8-8D03-89C7-F52A-F8FC62450541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7" creationId="{EA9DEC15-370A-EF2A-C315-CEA87A63DEA3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8" creationId="{6AB7365F-96F1-69BE-799A-BE6FCCEC0179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9" creationId="{EBE4FC6D-18A2-18D0-819D-841E8B8CDB4A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30" creationId="{0284365E-CAB5-77FB-CDCA-6769D8134DEC}"/>
          </ac:spMkLst>
        </pc:spChg>
        <pc:spChg chg="del mod">
          <ac:chgData name="Sorour Falahati" userId="8955ae62-45ff-43c9-8c3d-6aad30f36d67" providerId="ADAL" clId="{73CCA808-DD04-4801-BA94-88849201A961}" dt="2023-05-22T14:40:13.482" v="471" actId="478"/>
          <ac:spMkLst>
            <pc:docMk/>
            <pc:sldMk cId="4119101682" sldId="2147374211"/>
            <ac:spMk id="31" creationId="{C2D57570-74B6-151C-33FF-52A07F9D106D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5" creationId="{0B92A36B-F17A-26B3-5AE2-052E0D61DB24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6" creationId="{ADB93A58-5CCB-2AE9-866D-8649B89E9EC0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7" creationId="{B12D0E3F-DCDC-D513-7049-B7BBC71E0559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8" creationId="{EB5FBD9C-CA58-5C85-6D82-E501E69B2ECF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9" creationId="{AEAFD2D7-B48C-419E-5E50-115A078F6A92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40" creationId="{3D8ADAFF-518A-87ED-A254-A51B0CE62831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4" creationId="{890CFDD9-445C-2EC7-A98F-BFEC818BA77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5" creationId="{F88EDB2F-5FFE-8959-55C2-48CE18DA3DE7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6" creationId="{DF20EEFA-F463-784B-E6E3-7394B1F945ED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7" creationId="{30A843EA-69C5-6BE7-E75A-0AA89ED96FEF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8" creationId="{A41CBB95-53EB-5669-838A-6E215DD76D48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9" creationId="{8F5BD77B-CF94-6060-9A90-C12A3080D20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1" creationId="{7D9F67FF-F4E3-6102-E91A-A9496082354E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2" creationId="{A1C689BE-4433-23A7-7DEE-4267C03CD430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3" creationId="{7A352BC8-BCE4-9E10-FB97-0413240C07B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4" creationId="{9F327690-C995-946E-221F-32666E4D761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5" creationId="{49AFB4AB-C799-4E58-5918-FF00827DDCF2}"/>
          </ac:spMkLst>
        </pc:spChg>
        <pc:spChg chg="del mod">
          <ac:chgData name="Sorour Falahati" userId="8955ae62-45ff-43c9-8c3d-6aad30f36d67" providerId="ADAL" clId="{73CCA808-DD04-4801-BA94-88849201A961}" dt="2023-05-22T14:43:39.191" v="674" actId="478"/>
          <ac:spMkLst>
            <pc:docMk/>
            <pc:sldMk cId="4119101682" sldId="2147374211"/>
            <ac:spMk id="56" creationId="{1F530D34-2543-28B8-F2EE-646651EE404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8" creationId="{BF0CAE12-DC84-1FCC-3070-C41FE513F409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9" creationId="{77C58382-FF69-4FEF-DA0C-3DA615B4F0CC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0" creationId="{48ED903F-99B0-3E65-7FC9-D5A2E7D01D48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1" creationId="{3B131151-5863-F937-083A-8D57A712439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2" creationId="{B4314D71-0316-D772-259B-033D64FEE161}"/>
          </ac:spMkLst>
        </pc:spChg>
        <pc:spChg chg="add 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3" creationId="{D6C10F75-1D26-1E26-A71F-A634B60D5DB8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7" creationId="{583A09DD-D93C-4F1D-98EF-A084E2CD08EC}"/>
          </ac:spMkLst>
        </pc:spChg>
        <pc:spChg chg="mod topLvl">
          <ac:chgData name="Sorour Falahati" userId="8955ae62-45ff-43c9-8c3d-6aad30f36d67" providerId="ADAL" clId="{73CCA808-DD04-4801-BA94-88849201A961}" dt="2023-05-22T14:49:22.601" v="1020" actId="1035"/>
          <ac:spMkLst>
            <pc:docMk/>
            <pc:sldMk cId="4119101682" sldId="2147374211"/>
            <ac:spMk id="68" creationId="{038F704C-6C5A-50D1-C4BD-8D72AEAE4B86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9" creationId="{F8AD7F6D-1147-107F-C294-B913C11B2F82}"/>
          </ac:spMkLst>
        </pc:spChg>
        <pc:spChg chg="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0" creationId="{61BE4C8B-2EE8-BE94-BF8A-32247476E79C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1" creationId="{A213F3B4-0D3E-1D0E-4EA4-43A7EAB9E284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2" creationId="{2657639B-EF8A-F783-783E-692F29FF826C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5" creationId="{91274B48-E69C-C636-4A0A-BC833430BCA6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6" creationId="{FD5AA28B-8A0B-4E80-26B8-02B43B616333}"/>
          </ac:spMkLst>
        </pc:spChg>
        <pc:spChg chg="add mod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7" creationId="{5919DF0D-D2BD-4510-1C93-E4A865144DCB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79" creationId="{23C8E0F9-6CDF-6D1A-007F-D31AC4EC58FC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0" creationId="{84CF6F40-BDA2-FA33-1261-202D9A8A1662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1" creationId="{5FE0B151-4606-9768-1207-3C818306E70F}"/>
          </ac:spMkLst>
        </pc:spChg>
        <pc:spChg chg="add mod ord">
          <ac:chgData name="Sorour Falahati" userId="8955ae62-45ff-43c9-8c3d-6aad30f36d67" providerId="ADAL" clId="{73CCA808-DD04-4801-BA94-88849201A961}" dt="2023-05-22T16:25:50.182" v="3826" actId="20577"/>
          <ac:spMkLst>
            <pc:docMk/>
            <pc:sldMk cId="4119101682" sldId="2147374211"/>
            <ac:spMk id="83" creationId="{55FD169E-3451-40D5-4283-60084241B42F}"/>
          </ac:spMkLst>
        </pc:spChg>
        <pc:spChg chg="add mod ord">
          <ac:chgData name="Sorour Falahati" userId="8955ae62-45ff-43c9-8c3d-6aad30f36d67" providerId="ADAL" clId="{73CCA808-DD04-4801-BA94-88849201A961}" dt="2023-05-22T23:27:44.213" v="4023" actId="14100"/>
          <ac:spMkLst>
            <pc:docMk/>
            <pc:sldMk cId="4119101682" sldId="2147374211"/>
            <ac:spMk id="84" creationId="{43A989E1-2A0A-6253-8FA3-4E8822C2D378}"/>
          </ac:spMkLst>
        </pc:spChg>
        <pc:spChg chg="add del">
          <ac:chgData name="Sorour Falahati" userId="8955ae62-45ff-43c9-8c3d-6aad30f36d67" providerId="ADAL" clId="{73CCA808-DD04-4801-BA94-88849201A961}" dt="2023-05-22T14:54:41.182" v="1125" actId="478"/>
          <ac:spMkLst>
            <pc:docMk/>
            <pc:sldMk cId="4119101682" sldId="2147374211"/>
            <ac:spMk id="99" creationId="{2B0B4928-7E58-9AD9-03DE-C5FD028569FD}"/>
          </ac:spMkLst>
        </pc:spChg>
        <pc:spChg chg="add del mod">
          <ac:chgData name="Sorour Falahati" userId="8955ae62-45ff-43c9-8c3d-6aad30f36d67" providerId="ADAL" clId="{73CCA808-DD04-4801-BA94-88849201A961}" dt="2023-05-22T14:55:02.643" v="1128" actId="478"/>
          <ac:spMkLst>
            <pc:docMk/>
            <pc:sldMk cId="4119101682" sldId="2147374211"/>
            <ac:spMk id="100" creationId="{7A84BE43-F6BF-42FE-AA08-1E72BD7EADF7}"/>
          </ac:spMkLst>
        </pc:spChg>
        <pc:grpChg chg="add del mod">
          <ac:chgData name="Sorour Falahati" userId="8955ae62-45ff-43c9-8c3d-6aad30f36d67" providerId="ADAL" clId="{73CCA808-DD04-4801-BA94-88849201A961}" dt="2023-05-22T14:40:49.497" v="475" actId="165"/>
          <ac:grpSpMkLst>
            <pc:docMk/>
            <pc:sldMk cId="4119101682" sldId="2147374211"/>
            <ac:grpSpMk id="17" creationId="{2F097E66-3C6D-EE25-B2C2-CF59A161AA9B}"/>
          </ac:grpSpMkLst>
        </pc:grpChg>
        <pc:grpChg chg="add del mod">
          <ac:chgData name="Sorour Falahati" userId="8955ae62-45ff-43c9-8c3d-6aad30f36d67" providerId="ADAL" clId="{73CCA808-DD04-4801-BA94-88849201A961}" dt="2023-05-22T14:40:43.219" v="474" actId="478"/>
          <ac:grpSpMkLst>
            <pc:docMk/>
            <pc:sldMk cId="4119101682" sldId="2147374211"/>
            <ac:grpSpMk id="18" creationId="{7B950926-A8EF-E28A-B483-2D95C1EE45D6}"/>
          </ac:grpSpMkLst>
        </pc:grpChg>
        <pc:grpChg chg="add del mod">
          <ac:chgData name="Sorour Falahati" userId="8955ae62-45ff-43c9-8c3d-6aad30f36d67" providerId="ADAL" clId="{73CCA808-DD04-4801-BA94-88849201A961}" dt="2023-05-22T14:40:41.831" v="473" actId="478"/>
          <ac:grpSpMkLst>
            <pc:docMk/>
            <pc:sldMk cId="4119101682" sldId="2147374211"/>
            <ac:grpSpMk id="25" creationId="{0D3E3BA4-7039-7A9B-9A38-EDFD053FF0A8}"/>
          </ac:grpSpMkLst>
        </pc:grpChg>
        <pc:grpChg chg="add del mod">
          <ac:chgData name="Sorour Falahati" userId="8955ae62-45ff-43c9-8c3d-6aad30f36d67" providerId="ADAL" clId="{73CCA808-DD04-4801-BA94-88849201A961}" dt="2023-05-22T14:42:29.462" v="486" actId="478"/>
          <ac:grpSpMkLst>
            <pc:docMk/>
            <pc:sldMk cId="4119101682" sldId="2147374211"/>
            <ac:grpSpMk id="34" creationId="{34B590C5-F945-1DF9-2594-ECC66B54268F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2" creationId="{743EF5F8-B2C1-F39B-9F0F-FF42C9FDD504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3" creationId="{5D1598D1-6571-575B-5E8C-CFACEBB2A819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50" creationId="{10E4551C-11DB-4EE3-A2BB-B146CAAFD59C}"/>
          </ac:grpSpMkLst>
        </pc:grpChg>
        <pc:grpChg chg="add del mod">
          <ac:chgData name="Sorour Falahati" userId="8955ae62-45ff-43c9-8c3d-6aad30f36d67" providerId="ADAL" clId="{73CCA808-DD04-4801-BA94-88849201A961}" dt="2023-05-22T14:44:39.050" v="682" actId="478"/>
          <ac:grpSpMkLst>
            <pc:docMk/>
            <pc:sldMk cId="4119101682" sldId="2147374211"/>
            <ac:grpSpMk id="57" creationId="{77C11D82-00B3-548E-0DBC-4B2DFDDCAF53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5" creationId="{25E71894-DC65-E98B-FA90-4915C52B44F1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6" creationId="{4A2B98FD-3253-C294-67BE-46EA5C321F48}"/>
          </ac:grpSpMkLst>
        </pc:grpChg>
        <pc:grpChg chg="add del mod">
          <ac:chgData name="Sorour Falahati" userId="8955ae62-45ff-43c9-8c3d-6aad30f36d67" providerId="ADAL" clId="{73CCA808-DD04-4801-BA94-88849201A961}" dt="2023-05-22T14:48:30.085" v="924" actId="165"/>
          <ac:grpSpMkLst>
            <pc:docMk/>
            <pc:sldMk cId="4119101682" sldId="2147374211"/>
            <ac:grpSpMk id="73" creationId="{C1BCE27C-FE25-6027-D3A3-A6A233ADE4CA}"/>
          </ac:grpSpMkLst>
        </pc:grpChg>
        <pc:grpChg chg="add mod">
          <ac:chgData name="Sorour Falahati" userId="8955ae62-45ff-43c9-8c3d-6aad30f36d67" providerId="ADAL" clId="{73CCA808-DD04-4801-BA94-88849201A961}" dt="2023-05-22T14:51:20.637" v="1062" actId="164"/>
          <ac:grpSpMkLst>
            <pc:docMk/>
            <pc:sldMk cId="4119101682" sldId="2147374211"/>
            <ac:grpSpMk id="78" creationId="{84124995-3C4E-BFF1-06C4-2479E90125FB}"/>
          </ac:grpSpMkLst>
        </pc:grpChg>
        <pc:grpChg chg="add mod">
          <ac:chgData name="Sorour Falahati" userId="8955ae62-45ff-43c9-8c3d-6aad30f36d67" providerId="ADAL" clId="{73CCA808-DD04-4801-BA94-88849201A961}" dt="2023-05-22T14:51:45.814" v="1111" actId="1036"/>
          <ac:grpSpMkLst>
            <pc:docMk/>
            <pc:sldMk cId="4119101682" sldId="2147374211"/>
            <ac:grpSpMk id="82" creationId="{97D86CFB-D9CA-77CB-57DF-AC2CE80C88E3}"/>
          </ac:grpSpMkLst>
        </pc:grpChg>
        <pc:cxnChg chg="add del mod">
          <ac:chgData name="Sorour Falahati" userId="8955ae62-45ff-43c9-8c3d-6aad30f36d67" providerId="ADAL" clId="{73CCA808-DD04-4801-BA94-88849201A961}" dt="2023-05-22T14:40:10.476" v="470" actId="478"/>
          <ac:cxnSpMkLst>
            <pc:docMk/>
            <pc:sldMk cId="4119101682" sldId="2147374211"/>
            <ac:cxnSpMk id="6" creationId="{BE6D20B3-2149-CEF3-F3B1-A0BD373B3F65}"/>
          </ac:cxnSpMkLst>
        </pc:cxnChg>
        <pc:cxnChg chg="add del mod">
          <ac:chgData name="Sorour Falahati" userId="8955ae62-45ff-43c9-8c3d-6aad30f36d67" providerId="ADAL" clId="{73CCA808-DD04-4801-BA94-88849201A961}" dt="2023-05-22T14:39:59.177" v="451" actId="478"/>
          <ac:cxnSpMkLst>
            <pc:docMk/>
            <pc:sldMk cId="4119101682" sldId="2147374211"/>
            <ac:cxnSpMk id="16" creationId="{D7DDD501-13BA-99F2-41DB-9F5A34BA7CE4}"/>
          </ac:cxnSpMkLst>
        </pc:cxnChg>
        <pc:cxnChg chg="add del mod ord">
          <ac:chgData name="Sorour Falahati" userId="8955ae62-45ff-43c9-8c3d-6aad30f36d67" providerId="ADAL" clId="{73CCA808-DD04-4801-BA94-88849201A961}" dt="2023-05-23T17:06:19.020" v="9192" actId="166"/>
          <ac:cxnSpMkLst>
            <pc:docMk/>
            <pc:sldMk cId="4119101682" sldId="2147374211"/>
            <ac:cxnSpMk id="33" creationId="{1BC36E23-DDB4-9418-69A1-E595129C45E4}"/>
          </ac:cxnSpMkLst>
        </pc:cxnChg>
        <pc:cxnChg chg="add del mod">
          <ac:chgData name="Sorour Falahati" userId="8955ae62-45ff-43c9-8c3d-6aad30f36d67" providerId="ADAL" clId="{73CCA808-DD04-4801-BA94-88849201A961}" dt="2023-05-22T14:43:56.527" v="677" actId="478"/>
          <ac:cxnSpMkLst>
            <pc:docMk/>
            <pc:sldMk cId="4119101682" sldId="2147374211"/>
            <ac:cxnSpMk id="41" creationId="{46AB78B3-0A75-B8D4-C707-ACE9C991EFFE}"/>
          </ac:cxnSpMkLst>
        </pc:cxnChg>
        <pc:cxnChg chg="add del mod">
          <ac:chgData name="Sorour Falahati" userId="8955ae62-45ff-43c9-8c3d-6aad30f36d67" providerId="ADAL" clId="{73CCA808-DD04-4801-BA94-88849201A961}" dt="2023-05-22T14:46:30.849" v="883" actId="478"/>
          <ac:cxnSpMkLst>
            <pc:docMk/>
            <pc:sldMk cId="4119101682" sldId="2147374211"/>
            <ac:cxnSpMk id="64" creationId="{DF9A07C9-EF3E-3532-C630-99B65121CAE8}"/>
          </ac:cxnSpMkLst>
        </pc:cxnChg>
        <pc:cxnChg chg="add del mod">
          <ac:chgData name="Sorour Falahati" userId="8955ae62-45ff-43c9-8c3d-6aad30f36d67" providerId="ADAL" clId="{73CCA808-DD04-4801-BA94-88849201A961}" dt="2023-05-23T17:06:23.965" v="9193" actId="478"/>
          <ac:cxnSpMkLst>
            <pc:docMk/>
            <pc:sldMk cId="4119101682" sldId="2147374211"/>
            <ac:cxnSpMk id="74" creationId="{AD1BB98C-F0E3-82C8-1E66-38F7FE385CCA}"/>
          </ac:cxnSpMkLst>
        </pc:cxnChg>
        <pc:cxnChg chg="add del mod">
          <ac:chgData name="Sorour Falahati" userId="8955ae62-45ff-43c9-8c3d-6aad30f36d67" providerId="ADAL" clId="{73CCA808-DD04-4801-BA94-88849201A961}" dt="2023-05-22T14:55:47.082" v="1139" actId="478"/>
          <ac:cxnSpMkLst>
            <pc:docMk/>
            <pc:sldMk cId="4119101682" sldId="2147374211"/>
            <ac:cxnSpMk id="86" creationId="{320FF105-9B3B-CD01-D6E3-04F9EBA0B280}"/>
          </ac:cxnSpMkLst>
        </pc:cxnChg>
        <pc:cxnChg chg="add del mod">
          <ac:chgData name="Sorour Falahati" userId="8955ae62-45ff-43c9-8c3d-6aad30f36d67" providerId="ADAL" clId="{73CCA808-DD04-4801-BA94-88849201A961}" dt="2023-05-22T14:55:46.248" v="1138" actId="478"/>
          <ac:cxnSpMkLst>
            <pc:docMk/>
            <pc:sldMk cId="4119101682" sldId="2147374211"/>
            <ac:cxnSpMk id="88" creationId="{D3DFC510-2541-CC9A-7B16-55CE826389E2}"/>
          </ac:cxnSpMkLst>
        </pc:cxnChg>
        <pc:cxnChg chg="add del mod">
          <ac:chgData name="Sorour Falahati" userId="8955ae62-45ff-43c9-8c3d-6aad30f36d67" providerId="ADAL" clId="{73CCA808-DD04-4801-BA94-88849201A961}" dt="2023-05-22T14:55:44.846" v="1137" actId="478"/>
          <ac:cxnSpMkLst>
            <pc:docMk/>
            <pc:sldMk cId="4119101682" sldId="2147374211"/>
            <ac:cxnSpMk id="90" creationId="{52CEBE63-2A20-0D49-40C2-C1F3E2F80403}"/>
          </ac:cxnSpMkLst>
        </pc:cxnChg>
        <pc:cxnChg chg="add del mod">
          <ac:chgData name="Sorour Falahati" userId="8955ae62-45ff-43c9-8c3d-6aad30f36d67" providerId="ADAL" clId="{73CCA808-DD04-4801-BA94-88849201A961}" dt="2023-05-22T14:55:43.845" v="1136" actId="478"/>
          <ac:cxnSpMkLst>
            <pc:docMk/>
            <pc:sldMk cId="4119101682" sldId="2147374211"/>
            <ac:cxnSpMk id="92" creationId="{29328D4C-633E-4A98-DB81-1CD9F900A384}"/>
          </ac:cxnSpMkLst>
        </pc:cxnChg>
        <pc:cxnChg chg="add del mod">
          <ac:chgData name="Sorour Falahati" userId="8955ae62-45ff-43c9-8c3d-6aad30f36d67" providerId="ADAL" clId="{73CCA808-DD04-4801-BA94-88849201A961}" dt="2023-05-22T14:55:42.846" v="1135" actId="478"/>
          <ac:cxnSpMkLst>
            <pc:docMk/>
            <pc:sldMk cId="4119101682" sldId="2147374211"/>
            <ac:cxnSpMk id="94" creationId="{8C8D3815-A933-B1FF-2981-7804EA3CE70C}"/>
          </ac:cxnSpMkLst>
        </pc:cxnChg>
        <pc:cxnChg chg="add del mod">
          <ac:chgData name="Sorour Falahati" userId="8955ae62-45ff-43c9-8c3d-6aad30f36d67" providerId="ADAL" clId="{73CCA808-DD04-4801-BA94-88849201A961}" dt="2023-05-22T14:55:48.384" v="1140" actId="478"/>
          <ac:cxnSpMkLst>
            <pc:docMk/>
            <pc:sldMk cId="4119101682" sldId="2147374211"/>
            <ac:cxnSpMk id="96" creationId="{1C47C903-CF4E-EB10-509A-B061E3A5ABBB}"/>
          </ac:cxnSpMkLst>
        </pc:cxnChg>
        <pc:cxnChg chg="add del mod">
          <ac:chgData name="Sorour Falahati" userId="8955ae62-45ff-43c9-8c3d-6aad30f36d67" providerId="ADAL" clId="{73CCA808-DD04-4801-BA94-88849201A961}" dt="2023-05-22T14:55:50.318" v="1141" actId="478"/>
          <ac:cxnSpMkLst>
            <pc:docMk/>
            <pc:sldMk cId="4119101682" sldId="2147374211"/>
            <ac:cxnSpMk id="98" creationId="{E5A0B0CA-55A8-AFFE-531C-19226842EBF6}"/>
          </ac:cxnSpMkLst>
        </pc:cxnChg>
        <pc:cxnChg chg="add del mod">
          <ac:chgData name="Sorour Falahati" userId="8955ae62-45ff-43c9-8c3d-6aad30f36d67" providerId="ADAL" clId="{73CCA808-DD04-4801-BA94-88849201A961}" dt="2023-05-22T14:55:52.693" v="1142" actId="478"/>
          <ac:cxnSpMkLst>
            <pc:docMk/>
            <pc:sldMk cId="4119101682" sldId="2147374211"/>
            <ac:cxnSpMk id="102" creationId="{1575375C-5062-F750-10CA-9E5BB7DA45F4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2:44:37.163" v="4432" actId="2696"/>
        <pc:sldMkLst>
          <pc:docMk/>
          <pc:sldMk cId="3159339674" sldId="2147374212"/>
        </pc:sldMkLst>
        <pc:spChg chg="mod">
          <ac:chgData name="Sorour Falahati" userId="8955ae62-45ff-43c9-8c3d-6aad30f36d67" providerId="ADAL" clId="{73CCA808-DD04-4801-BA94-88849201A961}" dt="2023-05-22T16:26:13.374" v="3846" actId="20577"/>
          <ac:spMkLst>
            <pc:docMk/>
            <pc:sldMk cId="3159339674" sldId="2147374212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8:46.565" v="4066" actId="27636"/>
          <ac:spMkLst>
            <pc:docMk/>
            <pc:sldMk cId="3159339674" sldId="2147374212"/>
            <ac:spMk id="84" creationId="{43A989E1-2A0A-6253-8FA3-4E8822C2D378}"/>
          </ac:spMkLst>
        </pc:spChg>
      </pc:sldChg>
      <pc:sldChg chg="addSp delSp modSp add del mod">
        <pc:chgData name="Sorour Falahati" userId="8955ae62-45ff-43c9-8c3d-6aad30f36d67" providerId="ADAL" clId="{73CCA808-DD04-4801-BA94-88849201A961}" dt="2023-05-22T15:55:57.953" v="2745" actId="2696"/>
        <pc:sldMkLst>
          <pc:docMk/>
          <pc:sldMk cId="900860009" sldId="2147374213"/>
        </pc:sldMkLst>
        <pc:spChg chg="add mod">
          <ac:chgData name="Sorour Falahati" userId="8955ae62-45ff-43c9-8c3d-6aad30f36d67" providerId="ADAL" clId="{73CCA808-DD04-4801-BA94-88849201A961}" dt="2023-05-22T15:00:57.687" v="1159" actId="207"/>
          <ac:spMkLst>
            <pc:docMk/>
            <pc:sldMk cId="900860009" sldId="2147374213"/>
            <ac:spMk id="2" creationId="{7466717E-2456-A7FB-AB3D-A8BEB1DBD0D3}"/>
          </ac:spMkLst>
        </pc:spChg>
        <pc:spChg chg="add mod">
          <ac:chgData name="Sorour Falahati" userId="8955ae62-45ff-43c9-8c3d-6aad30f36d67" providerId="ADAL" clId="{73CCA808-DD04-4801-BA94-88849201A961}" dt="2023-05-22T15:02:03.431" v="1169" actId="207"/>
          <ac:spMkLst>
            <pc:docMk/>
            <pc:sldMk cId="900860009" sldId="2147374213"/>
            <ac:spMk id="3" creationId="{BE1FDF5D-AF8A-B478-3E40-B92AD593B519}"/>
          </ac:spMkLst>
        </pc:spChg>
        <pc:spChg chg="add mod">
          <ac:chgData name="Sorour Falahati" userId="8955ae62-45ff-43c9-8c3d-6aad30f36d67" providerId="ADAL" clId="{73CCA808-DD04-4801-BA94-88849201A961}" dt="2023-05-22T15:04:04.935" v="1191" actId="1037"/>
          <ac:spMkLst>
            <pc:docMk/>
            <pc:sldMk cId="900860009" sldId="2147374213"/>
            <ac:spMk id="4" creationId="{F7628C90-A9CF-CECE-9161-28A08F14314A}"/>
          </ac:spMkLst>
        </pc:spChg>
        <pc:spChg chg="add mod">
          <ac:chgData name="Sorour Falahati" userId="8955ae62-45ff-43c9-8c3d-6aad30f36d67" providerId="ADAL" clId="{73CCA808-DD04-4801-BA94-88849201A961}" dt="2023-05-22T15:04:52.214" v="1287" actId="1037"/>
          <ac:spMkLst>
            <pc:docMk/>
            <pc:sldMk cId="900860009" sldId="2147374213"/>
            <ac:spMk id="21" creationId="{9D6527D8-685A-2EC9-9869-697DC59CBE13}"/>
          </ac:spMkLst>
        </pc:spChg>
        <pc:cxnChg chg="add del mod">
          <ac:chgData name="Sorour Falahati" userId="8955ae62-45ff-43c9-8c3d-6aad30f36d67" providerId="ADAL" clId="{73CCA808-DD04-4801-BA94-88849201A961}" dt="2023-05-22T15:02:29.397" v="1172" actId="478"/>
          <ac:cxnSpMkLst>
            <pc:docMk/>
            <pc:sldMk cId="900860009" sldId="2147374213"/>
            <ac:cxnSpMk id="6" creationId="{34D46933-D749-D480-2515-769BCE72C6E0}"/>
          </ac:cxnSpMkLst>
        </pc:cxnChg>
        <pc:cxnChg chg="add mod">
          <ac:chgData name="Sorour Falahati" userId="8955ae62-45ff-43c9-8c3d-6aad30f36d67" providerId="ADAL" clId="{73CCA808-DD04-4801-BA94-88849201A961}" dt="2023-05-22T15:03:44.760" v="1181" actId="14100"/>
          <ac:cxnSpMkLst>
            <pc:docMk/>
            <pc:sldMk cId="900860009" sldId="2147374213"/>
            <ac:cxnSpMk id="9" creationId="{BB7AC808-E6B8-A779-6DF8-BB245BE69D97}"/>
          </ac:cxnSpMkLst>
        </pc:cxnChg>
        <pc:cxnChg chg="add mod">
          <ac:chgData name="Sorour Falahati" userId="8955ae62-45ff-43c9-8c3d-6aad30f36d67" providerId="ADAL" clId="{73CCA808-DD04-4801-BA94-88849201A961}" dt="2023-05-22T15:04:16.306" v="1193" actId="14100"/>
          <ac:cxnSpMkLst>
            <pc:docMk/>
            <pc:sldMk cId="900860009" sldId="2147374213"/>
            <ac:cxnSpMk id="12" creationId="{C1A4A244-1FC4-3BC8-C267-DE18CD782E5C}"/>
          </ac:cxnSpMkLst>
        </pc:cxnChg>
        <pc:cxnChg chg="add mod">
          <ac:chgData name="Sorour Falahati" userId="8955ae62-45ff-43c9-8c3d-6aad30f36d67" providerId="ADAL" clId="{73CCA808-DD04-4801-BA94-88849201A961}" dt="2023-05-22T15:04:12.599" v="1192" actId="14100"/>
          <ac:cxnSpMkLst>
            <pc:docMk/>
            <pc:sldMk cId="900860009" sldId="2147374213"/>
            <ac:cxnSpMk id="15" creationId="{82824601-C63D-A917-E249-C3E3430B407A}"/>
          </ac:cxnSpMkLst>
        </pc:cxnChg>
        <pc:cxnChg chg="add mod">
          <ac:chgData name="Sorour Falahati" userId="8955ae62-45ff-43c9-8c3d-6aad30f36d67" providerId="ADAL" clId="{73CCA808-DD04-4801-BA94-88849201A961}" dt="2023-05-22T15:04:52.214" v="1287" actId="1037"/>
          <ac:cxnSpMkLst>
            <pc:docMk/>
            <pc:sldMk cId="900860009" sldId="2147374213"/>
            <ac:cxnSpMk id="22" creationId="{D4F97974-4FD4-D360-5986-D432480B6E73}"/>
          </ac:cxnSpMkLst>
        </pc:cxnChg>
        <pc:cxnChg chg="del mod">
          <ac:chgData name="Sorour Falahati" userId="8955ae62-45ff-43c9-8c3d-6aad30f36d67" providerId="ADAL" clId="{73CCA808-DD04-4801-BA94-88849201A961}" dt="2023-05-22T14:59:28.216" v="1149" actId="478"/>
          <ac:cxnSpMkLst>
            <pc:docMk/>
            <pc:sldMk cId="900860009" sldId="2147374213"/>
            <ac:cxnSpMk id="86" creationId="{320FF105-9B3B-CD01-D6E3-04F9EBA0B280}"/>
          </ac:cxnSpMkLst>
        </pc:cxnChg>
        <pc:cxnChg chg="del mod">
          <ac:chgData name="Sorour Falahati" userId="8955ae62-45ff-43c9-8c3d-6aad30f36d67" providerId="ADAL" clId="{73CCA808-DD04-4801-BA94-88849201A961}" dt="2023-05-22T14:59:27.362" v="1148" actId="478"/>
          <ac:cxnSpMkLst>
            <pc:docMk/>
            <pc:sldMk cId="900860009" sldId="2147374213"/>
            <ac:cxnSpMk id="88" creationId="{D3DFC510-2541-CC9A-7B16-55CE826389E2}"/>
          </ac:cxnSpMkLst>
        </pc:cxnChg>
        <pc:cxnChg chg="del mod">
          <ac:chgData name="Sorour Falahati" userId="8955ae62-45ff-43c9-8c3d-6aad30f36d67" providerId="ADAL" clId="{73CCA808-DD04-4801-BA94-88849201A961}" dt="2023-05-22T14:59:26.623" v="1147" actId="478"/>
          <ac:cxnSpMkLst>
            <pc:docMk/>
            <pc:sldMk cId="900860009" sldId="2147374213"/>
            <ac:cxnSpMk id="90" creationId="{52CEBE63-2A20-0D49-40C2-C1F3E2F80403}"/>
          </ac:cxnSpMkLst>
        </pc:cxnChg>
        <pc:cxnChg chg="del mod">
          <ac:chgData name="Sorour Falahati" userId="8955ae62-45ff-43c9-8c3d-6aad30f36d67" providerId="ADAL" clId="{73CCA808-DD04-4801-BA94-88849201A961}" dt="2023-05-22T14:59:25.936" v="1146" actId="478"/>
          <ac:cxnSpMkLst>
            <pc:docMk/>
            <pc:sldMk cId="900860009" sldId="2147374213"/>
            <ac:cxnSpMk id="92" creationId="{29328D4C-633E-4A98-DB81-1CD9F900A384}"/>
          </ac:cxnSpMkLst>
        </pc:cxnChg>
        <pc:cxnChg chg="del mod">
          <ac:chgData name="Sorour Falahati" userId="8955ae62-45ff-43c9-8c3d-6aad30f36d67" providerId="ADAL" clId="{73CCA808-DD04-4801-BA94-88849201A961}" dt="2023-05-22T14:59:25.202" v="1145" actId="478"/>
          <ac:cxnSpMkLst>
            <pc:docMk/>
            <pc:sldMk cId="900860009" sldId="2147374213"/>
            <ac:cxnSpMk id="94" creationId="{8C8D3815-A933-B1FF-2981-7804EA3CE70C}"/>
          </ac:cxnSpMkLst>
        </pc:cxnChg>
        <pc:cxnChg chg="del mod">
          <ac:chgData name="Sorour Falahati" userId="8955ae62-45ff-43c9-8c3d-6aad30f36d67" providerId="ADAL" clId="{73CCA808-DD04-4801-BA94-88849201A961}" dt="2023-05-22T14:59:30.194" v="1150" actId="478"/>
          <ac:cxnSpMkLst>
            <pc:docMk/>
            <pc:sldMk cId="900860009" sldId="2147374213"/>
            <ac:cxnSpMk id="96" creationId="{1C47C903-CF4E-EB10-509A-B061E3A5ABBB}"/>
          </ac:cxnSpMkLst>
        </pc:cxnChg>
        <pc:cxnChg chg="del mod">
          <ac:chgData name="Sorour Falahati" userId="8955ae62-45ff-43c9-8c3d-6aad30f36d67" providerId="ADAL" clId="{73CCA808-DD04-4801-BA94-88849201A961}" dt="2023-05-22T14:59:31.327" v="1151" actId="478"/>
          <ac:cxnSpMkLst>
            <pc:docMk/>
            <pc:sldMk cId="900860009" sldId="2147374213"/>
            <ac:cxnSpMk id="98" creationId="{E5A0B0CA-55A8-AFFE-531C-19226842EBF6}"/>
          </ac:cxnSpMkLst>
        </pc:cxnChg>
        <pc:cxnChg chg="del mod">
          <ac:chgData name="Sorour Falahati" userId="8955ae62-45ff-43c9-8c3d-6aad30f36d67" providerId="ADAL" clId="{73CCA808-DD04-4801-BA94-88849201A961}" dt="2023-05-22T14:59:33.516" v="1152" actId="478"/>
          <ac:cxnSpMkLst>
            <pc:docMk/>
            <pc:sldMk cId="900860009" sldId="2147374213"/>
            <ac:cxnSpMk id="102" creationId="{1575375C-5062-F750-10CA-9E5BB7DA45F4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7:29:08.149" v="10376" actId="2696"/>
        <pc:sldMkLst>
          <pc:docMk/>
          <pc:sldMk cId="981535516" sldId="2147374213"/>
        </pc:sldMkLst>
        <pc:spChg chg="mod">
          <ac:chgData name="Sorour Falahati" userId="8955ae62-45ff-43c9-8c3d-6aad30f36d67" providerId="ADAL" clId="{73CCA808-DD04-4801-BA94-88849201A961}" dt="2023-05-23T12:45:03.390" v="4448" actId="20577"/>
          <ac:spMkLst>
            <pc:docMk/>
            <pc:sldMk cId="981535516" sldId="2147374213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30:26.881" v="4103" actId="20577"/>
          <ac:spMkLst>
            <pc:docMk/>
            <pc:sldMk cId="981535516" sldId="2147374213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5:48.664" v="2742"/>
        <pc:sldMkLst>
          <pc:docMk/>
          <pc:sldMk cId="3580613421" sldId="2147374213"/>
        </pc:sldMkLst>
      </pc:sldChg>
      <pc:sldChg chg="addSp delSp modSp add del mod">
        <pc:chgData name="Sorour Falahati" userId="8955ae62-45ff-43c9-8c3d-6aad30f36d67" providerId="ADAL" clId="{73CCA808-DD04-4801-BA94-88849201A961}" dt="2023-05-23T17:29:04.827" v="10375" actId="2696"/>
        <pc:sldMkLst>
          <pc:docMk/>
          <pc:sldMk cId="1583884493" sldId="2147374214"/>
        </pc:sldMkLst>
        <pc:spChg chg="add del mod">
          <ac:chgData name="Sorour Falahati" userId="8955ae62-45ff-43c9-8c3d-6aad30f36d67" providerId="ADAL" clId="{73CCA808-DD04-4801-BA94-88849201A961}" dt="2023-05-23T17:08:50.148" v="9208" actId="478"/>
          <ac:spMkLst>
            <pc:docMk/>
            <pc:sldMk cId="1583884493" sldId="2147374214"/>
            <ac:spMk id="2" creationId="{4C673313-FA8B-70B6-A809-95BDB60F0F81}"/>
          </ac:spMkLst>
        </pc:spChg>
        <pc:spChg chg="add del">
          <ac:chgData name="Sorour Falahati" userId="8955ae62-45ff-43c9-8c3d-6aad30f36d67" providerId="ADAL" clId="{73CCA808-DD04-4801-BA94-88849201A961}" dt="2023-05-23T17:08:40.652" v="9206" actId="478"/>
          <ac:spMkLst>
            <pc:docMk/>
            <pc:sldMk cId="1583884493" sldId="2147374214"/>
            <ac:spMk id="3" creationId="{273219C5-A10B-0277-A34C-888047F47D3C}"/>
          </ac:spMkLst>
        </pc:spChg>
        <pc:spChg chg="add mod">
          <ac:chgData name="Sorour Falahati" userId="8955ae62-45ff-43c9-8c3d-6aad30f36d67" providerId="ADAL" clId="{73CCA808-DD04-4801-BA94-88849201A961}" dt="2023-05-23T17:09:51.502" v="9220" actId="13822"/>
          <ac:spMkLst>
            <pc:docMk/>
            <pc:sldMk cId="1583884493" sldId="2147374214"/>
            <ac:spMk id="4" creationId="{3DDE05D3-7FE0-EEAB-0C65-617967AC0F49}"/>
          </ac:spMkLst>
        </pc:spChg>
        <pc:spChg chg="add mod">
          <ac:chgData name="Sorour Falahati" userId="8955ae62-45ff-43c9-8c3d-6aad30f36d67" providerId="ADAL" clId="{73CCA808-DD04-4801-BA94-88849201A961}" dt="2023-05-23T17:09:56.111" v="9221"/>
          <ac:spMkLst>
            <pc:docMk/>
            <pc:sldMk cId="1583884493" sldId="2147374214"/>
            <ac:spMk id="5" creationId="{0666FA63-0184-4505-9BC1-7C749E245499}"/>
          </ac:spMkLst>
        </pc:spChg>
        <pc:spChg chg="add mod">
          <ac:chgData name="Sorour Falahati" userId="8955ae62-45ff-43c9-8c3d-6aad30f36d67" providerId="ADAL" clId="{73CCA808-DD04-4801-BA94-88849201A961}" dt="2023-05-23T17:09:56.482" v="9222"/>
          <ac:spMkLst>
            <pc:docMk/>
            <pc:sldMk cId="1583884493" sldId="2147374214"/>
            <ac:spMk id="6" creationId="{6A4C054D-8F1D-CC12-3A5C-9982BB2AE983}"/>
          </ac:spMkLst>
        </pc:spChg>
        <pc:spChg chg="mod">
          <ac:chgData name="Sorour Falahati" userId="8955ae62-45ff-43c9-8c3d-6aad30f36d67" providerId="ADAL" clId="{73CCA808-DD04-4801-BA94-88849201A961}" dt="2023-05-23T12:44:57.499" v="4444" actId="20577"/>
          <ac:spMkLst>
            <pc:docMk/>
            <pc:sldMk cId="1583884493" sldId="2147374214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44.096" v="4077" actId="14100"/>
          <ac:spMkLst>
            <pc:docMk/>
            <pc:sldMk cId="1583884493" sldId="2147374214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1:07.315" v="2687"/>
        <pc:sldMkLst>
          <pc:docMk/>
          <pc:sldMk cId="2190738611" sldId="2147374214"/>
        </pc:sldMkLst>
      </pc:sldChg>
      <pc:sldChg chg="addSp delSp modSp add del mod">
        <pc:chgData name="Sorour Falahati" userId="8955ae62-45ff-43c9-8c3d-6aad30f36d67" providerId="ADAL" clId="{73CCA808-DD04-4801-BA94-88849201A961}" dt="2023-05-22T15:58:41.012" v="2763" actId="2696"/>
        <pc:sldMkLst>
          <pc:docMk/>
          <pc:sldMk cId="3003327605" sldId="2147374214"/>
        </pc:sldMkLst>
        <pc:spChg chg="add del mod">
          <ac:chgData name="Sorour Falahati" userId="8955ae62-45ff-43c9-8c3d-6aad30f36d67" providerId="ADAL" clId="{73CCA808-DD04-4801-BA94-88849201A961}" dt="2023-05-22T15:07:19.374" v="1292" actId="478"/>
          <ac:spMkLst>
            <pc:docMk/>
            <pc:sldMk cId="3003327605" sldId="2147374214"/>
            <ac:spMk id="2" creationId="{86E2BFB9-9C84-A5B9-0A7F-23C51C75AA18}"/>
          </ac:spMkLst>
        </pc:spChg>
        <pc:spChg chg="add del mod">
          <ac:chgData name="Sorour Falahati" userId="8955ae62-45ff-43c9-8c3d-6aad30f36d67" providerId="ADAL" clId="{73CCA808-DD04-4801-BA94-88849201A961}" dt="2023-05-22T15:07:39.763" v="1305" actId="478"/>
          <ac:spMkLst>
            <pc:docMk/>
            <pc:sldMk cId="3003327605" sldId="2147374214"/>
            <ac:spMk id="3" creationId="{E0B798E2-B213-4D23-E279-CEE4B7760517}"/>
          </ac:spMkLst>
        </pc:spChg>
        <pc:spChg chg="add del mod">
          <ac:chgData name="Sorour Falahati" userId="8955ae62-45ff-43c9-8c3d-6aad30f36d67" providerId="ADAL" clId="{73CCA808-DD04-4801-BA94-88849201A961}" dt="2023-05-22T15:08:38.712" v="1366" actId="478"/>
          <ac:spMkLst>
            <pc:docMk/>
            <pc:sldMk cId="3003327605" sldId="2147374214"/>
            <ac:spMk id="4" creationId="{97BFF674-6EC1-56D9-DC00-D28B8C2EB820}"/>
          </ac:spMkLst>
        </pc:spChg>
        <pc:spChg chg="add del mod">
          <ac:chgData name="Sorour Falahati" userId="8955ae62-45ff-43c9-8c3d-6aad30f36d67" providerId="ADAL" clId="{73CCA808-DD04-4801-BA94-88849201A961}" dt="2023-05-22T15:18:09.477" v="1637" actId="478"/>
          <ac:spMkLst>
            <pc:docMk/>
            <pc:sldMk cId="3003327605" sldId="2147374214"/>
            <ac:spMk id="7" creationId="{5EF52EDE-9277-8B89-3942-B1DFE05ACD4D}"/>
          </ac:spMkLst>
        </pc:spChg>
        <pc:spChg chg="del mod topLvl">
          <ac:chgData name="Sorour Falahati" userId="8955ae62-45ff-43c9-8c3d-6aad30f36d67" providerId="ADAL" clId="{73CCA808-DD04-4801-BA94-88849201A961}" dt="2023-05-22T15:18:12.568" v="1638" actId="478"/>
          <ac:spMkLst>
            <pc:docMk/>
            <pc:sldMk cId="3003327605" sldId="2147374214"/>
            <ac:spMk id="38" creationId="{17188C49-D950-D9B4-7AE0-D75D8FFE6AA3}"/>
          </ac:spMkLst>
        </pc:spChg>
        <pc:spChg chg="del mod topLvl">
          <ac:chgData name="Sorour Falahati" userId="8955ae62-45ff-43c9-8c3d-6aad30f36d67" providerId="ADAL" clId="{73CCA808-DD04-4801-BA94-88849201A961}" dt="2023-05-22T15:18:15.251" v="1639" actId="478"/>
          <ac:spMkLst>
            <pc:docMk/>
            <pc:sldMk cId="3003327605" sldId="2147374214"/>
            <ac:spMk id="45" creationId="{3604FFFA-4F92-AA6C-1972-F519E3A1DE83}"/>
          </ac:spMkLst>
        </pc:spChg>
        <pc:spChg chg="mod">
          <ac:chgData name="Sorour Falahati" userId="8955ae62-45ff-43c9-8c3d-6aad30f36d67" providerId="ADAL" clId="{73CCA808-DD04-4801-BA94-88849201A961}" dt="2023-05-22T15:15:50.730" v="1590" actId="207"/>
          <ac:spMkLst>
            <pc:docMk/>
            <pc:sldMk cId="3003327605" sldId="2147374214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6" creationId="{FD5AA28B-8A0B-4E80-26B8-02B43B616333}"/>
          </ac:spMkLst>
        </pc:spChg>
        <pc:grpChg chg="add mod">
          <ac:chgData name="Sorour Falahati" userId="8955ae62-45ff-43c9-8c3d-6aad30f36d67" providerId="ADAL" clId="{73CCA808-DD04-4801-BA94-88849201A961}" dt="2023-05-22T15:12:08.602" v="1396" actId="164"/>
          <ac:grpSpMkLst>
            <pc:docMk/>
            <pc:sldMk cId="3003327605" sldId="2147374214"/>
            <ac:grpSpMk id="36" creationId="{6438D1A8-A3A7-61B2-D677-C6616BFE7A0C}"/>
          </ac:grpSpMkLst>
        </pc:grpChg>
        <pc:grpChg chg="add del mod">
          <ac:chgData name="Sorour Falahati" userId="8955ae62-45ff-43c9-8c3d-6aad30f36d67" providerId="ADAL" clId="{73CCA808-DD04-4801-BA94-88849201A961}" dt="2023-05-22T15:18:12.568" v="1638" actId="478"/>
          <ac:grpSpMkLst>
            <pc:docMk/>
            <pc:sldMk cId="3003327605" sldId="2147374214"/>
            <ac:grpSpMk id="37" creationId="{FCE6B089-4869-D9AF-5614-6C19631DC5C5}"/>
          </ac:grpSpMkLst>
        </pc:grpChg>
        <pc:grpChg chg="add del mod">
          <ac:chgData name="Sorour Falahati" userId="8955ae62-45ff-43c9-8c3d-6aad30f36d67" providerId="ADAL" clId="{73CCA808-DD04-4801-BA94-88849201A961}" dt="2023-05-22T15:18:15.251" v="1639" actId="478"/>
          <ac:grpSpMkLst>
            <pc:docMk/>
            <pc:sldMk cId="3003327605" sldId="2147374214"/>
            <ac:grpSpMk id="44" creationId="{9A9BDA61-BA2A-DC16-A51B-BE5738DAF3D9}"/>
          </ac:grpSpMkLst>
        </pc:grpChg>
        <pc:cxnChg chg="add del mod">
          <ac:chgData name="Sorour Falahati" userId="8955ae62-45ff-43c9-8c3d-6aad30f36d67" providerId="ADAL" clId="{73CCA808-DD04-4801-BA94-88849201A961}" dt="2023-05-22T15:08:37.492" v="1365" actId="478"/>
          <ac:cxnSpMkLst>
            <pc:docMk/>
            <pc:sldMk cId="3003327605" sldId="2147374214"/>
            <ac:cxnSpMk id="6" creationId="{4BD898C0-945E-971F-26CB-C2CBEF6EA691}"/>
          </ac:cxnSpMkLst>
        </pc:cxnChg>
        <pc:cxnChg chg="add del mod">
          <ac:chgData name="Sorour Falahati" userId="8955ae62-45ff-43c9-8c3d-6aad30f36d67" providerId="ADAL" clId="{73CCA808-DD04-4801-BA94-88849201A961}" dt="2023-05-22T15:09:44.554" v="1382" actId="478"/>
          <ac:cxnSpMkLst>
            <pc:docMk/>
            <pc:sldMk cId="3003327605" sldId="2147374214"/>
            <ac:cxnSpMk id="9" creationId="{FF3239D0-5A38-EF71-D61F-7877E88DA554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3" creationId="{110C6A46-AA81-4DF0-14CF-89D7E7D3A148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6" creationId="{03F63EF8-DC1A-3196-F31B-6F17ECF1FD67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9" creationId="{8A36DEF4-EE10-5435-8CBD-39D1F05632B8}"/>
          </ac:cxnSpMkLst>
        </pc:cxnChg>
        <pc:cxnChg chg="add del mod">
          <ac:chgData name="Sorour Falahati" userId="8955ae62-45ff-43c9-8c3d-6aad30f36d67" providerId="ADAL" clId="{73CCA808-DD04-4801-BA94-88849201A961}" dt="2023-05-22T15:16:06.256" v="1591" actId="478"/>
          <ac:cxnSpMkLst>
            <pc:docMk/>
            <pc:sldMk cId="3003327605" sldId="2147374214"/>
            <ac:cxnSpMk id="22" creationId="{CC04EAAB-E986-760C-A393-3B94CF1FFEE1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25" creationId="{1315C176-C384-0633-DEED-6DCDB28BC08F}"/>
          </ac:cxnSpMkLst>
        </pc:cxnChg>
        <pc:cxnChg chg="del mod">
          <ac:chgData name="Sorour Falahati" userId="8955ae62-45ff-43c9-8c3d-6aad30f36d67" providerId="ADAL" clId="{73CCA808-DD04-4801-BA94-88849201A961}" dt="2023-05-22T15:12:27.309" v="1471" actId="478"/>
          <ac:cxnSpMkLst>
            <pc:docMk/>
            <pc:sldMk cId="3003327605" sldId="2147374214"/>
            <ac:cxnSpMk id="39" creationId="{6E4BDB14-D770-74CC-B5BE-6BDB558234E9}"/>
          </ac:cxnSpMkLst>
        </pc:cxnChg>
        <pc:cxnChg chg="del mod">
          <ac:chgData name="Sorour Falahati" userId="8955ae62-45ff-43c9-8c3d-6aad30f36d67" providerId="ADAL" clId="{73CCA808-DD04-4801-BA94-88849201A961}" dt="2023-05-22T15:12:29.979" v="1472" actId="478"/>
          <ac:cxnSpMkLst>
            <pc:docMk/>
            <pc:sldMk cId="3003327605" sldId="2147374214"/>
            <ac:cxnSpMk id="40" creationId="{46869D60-9F0E-F17A-EDAF-3506C10166C1}"/>
          </ac:cxnSpMkLst>
        </pc:cxnChg>
        <pc:cxnChg chg="del mod">
          <ac:chgData name="Sorour Falahati" userId="8955ae62-45ff-43c9-8c3d-6aad30f36d67" providerId="ADAL" clId="{73CCA808-DD04-4801-BA94-88849201A961}" dt="2023-05-22T15:12:33.341" v="1473" actId="478"/>
          <ac:cxnSpMkLst>
            <pc:docMk/>
            <pc:sldMk cId="3003327605" sldId="2147374214"/>
            <ac:cxnSpMk id="41" creationId="{6EF9F5A0-C56A-4673-E817-0FCE71170268}"/>
          </ac:cxnSpMkLst>
        </pc:cxnChg>
        <pc:cxnChg chg="del mod">
          <ac:chgData name="Sorour Falahati" userId="8955ae62-45ff-43c9-8c3d-6aad30f36d67" providerId="ADAL" clId="{73CCA808-DD04-4801-BA94-88849201A961}" dt="2023-05-22T15:12:36.266" v="1474" actId="478"/>
          <ac:cxnSpMkLst>
            <pc:docMk/>
            <pc:sldMk cId="3003327605" sldId="2147374214"/>
            <ac:cxnSpMk id="42" creationId="{10794A31-FCB2-A511-ABF9-4EDEB57361A3}"/>
          </ac:cxnSpMkLst>
        </pc:cxnChg>
        <pc:cxnChg chg="mod topLvl">
          <ac:chgData name="Sorour Falahati" userId="8955ae62-45ff-43c9-8c3d-6aad30f36d67" providerId="ADAL" clId="{73CCA808-DD04-4801-BA94-88849201A961}" dt="2023-05-22T15:18:12.568" v="1638" actId="478"/>
          <ac:cxnSpMkLst>
            <pc:docMk/>
            <pc:sldMk cId="3003327605" sldId="2147374214"/>
            <ac:cxnSpMk id="43" creationId="{731D0A6E-6901-1748-2298-C032C741FDFF}"/>
          </ac:cxnSpMkLst>
        </pc:cxnChg>
        <pc:cxnChg chg="del mod">
          <ac:chgData name="Sorour Falahati" userId="8955ae62-45ff-43c9-8c3d-6aad30f36d67" providerId="ADAL" clId="{73CCA808-DD04-4801-BA94-88849201A961}" dt="2023-05-22T15:13:08.380" v="1586" actId="478"/>
          <ac:cxnSpMkLst>
            <pc:docMk/>
            <pc:sldMk cId="3003327605" sldId="2147374214"/>
            <ac:cxnSpMk id="46" creationId="{464E8D1A-1756-2032-6BD1-2A63A0A0B1AC}"/>
          </ac:cxnSpMkLst>
        </pc:cxnChg>
        <pc:cxnChg chg="del mod">
          <ac:chgData name="Sorour Falahati" userId="8955ae62-45ff-43c9-8c3d-6aad30f36d67" providerId="ADAL" clId="{73CCA808-DD04-4801-BA94-88849201A961}" dt="2023-05-22T15:13:11.506" v="1587" actId="478"/>
          <ac:cxnSpMkLst>
            <pc:docMk/>
            <pc:sldMk cId="3003327605" sldId="2147374214"/>
            <ac:cxnSpMk id="47" creationId="{F45DC7DD-6198-2DCD-6C1A-0CFBADFAAE1F}"/>
          </ac:cxnSpMkLst>
        </pc:cxnChg>
        <pc:cxnChg chg="del mod">
          <ac:chgData name="Sorour Falahati" userId="8955ae62-45ff-43c9-8c3d-6aad30f36d67" providerId="ADAL" clId="{73CCA808-DD04-4801-BA94-88849201A961}" dt="2023-05-22T15:13:15.189" v="1588" actId="478"/>
          <ac:cxnSpMkLst>
            <pc:docMk/>
            <pc:sldMk cId="3003327605" sldId="2147374214"/>
            <ac:cxnSpMk id="48" creationId="{0F267F63-86F2-5858-2833-E141A257C3B8}"/>
          </ac:cxnSpMkLst>
        </pc:cxnChg>
        <pc:cxnChg chg="mod topLvl">
          <ac:chgData name="Sorour Falahati" userId="8955ae62-45ff-43c9-8c3d-6aad30f36d67" providerId="ADAL" clId="{73CCA808-DD04-4801-BA94-88849201A961}" dt="2023-05-22T15:18:15.251" v="1639" actId="478"/>
          <ac:cxnSpMkLst>
            <pc:docMk/>
            <pc:sldMk cId="3003327605" sldId="2147374214"/>
            <ac:cxnSpMk id="49" creationId="{9FF3E6C5-7FCE-A33A-B9B7-235E224B4B00}"/>
          </ac:cxnSpMkLst>
        </pc:cxnChg>
        <pc:cxnChg chg="del mod">
          <ac:chgData name="Sorour Falahati" userId="8955ae62-45ff-43c9-8c3d-6aad30f36d67" providerId="ADAL" clId="{73CCA808-DD04-4801-BA94-88849201A961}" dt="2023-05-22T15:13:19.004" v="1589" actId="478"/>
          <ac:cxnSpMkLst>
            <pc:docMk/>
            <pc:sldMk cId="3003327605" sldId="2147374214"/>
            <ac:cxnSpMk id="50" creationId="{7B130C16-6ADD-F4C8-5228-629EC57CBCEC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01:35.991" v="12219" actId="47"/>
        <pc:sldMkLst>
          <pc:docMk/>
          <pc:sldMk cId="1884129334" sldId="2147374215"/>
        </pc:sldMkLst>
        <pc:spChg chg="add mod">
          <ac:chgData name="Sorour Falahati" userId="8955ae62-45ff-43c9-8c3d-6aad30f36d67" providerId="ADAL" clId="{73CCA808-DD04-4801-BA94-88849201A961}" dt="2023-05-22T15:28:36" v="2123" actId="14100"/>
          <ac:spMkLst>
            <pc:docMk/>
            <pc:sldMk cId="1884129334" sldId="2147374215"/>
            <ac:spMk id="2" creationId="{03C80266-9301-D0F0-390F-A5469C5DEFDB}"/>
          </ac:spMkLst>
        </pc:spChg>
        <pc:spChg chg="add mod">
          <ac:chgData name="Sorour Falahati" userId="8955ae62-45ff-43c9-8c3d-6aad30f36d67" providerId="ADAL" clId="{73CCA808-DD04-4801-BA94-88849201A961}" dt="2023-05-22T15:28:42.119" v="2125" actId="14100"/>
          <ac:spMkLst>
            <pc:docMk/>
            <pc:sldMk cId="1884129334" sldId="2147374215"/>
            <ac:spMk id="3" creationId="{5FCF0F51-1F93-8984-E045-9A625BDD9E51}"/>
          </ac:spMkLst>
        </pc:spChg>
        <pc:spChg chg="add del mod">
          <ac:chgData name="Sorour Falahati" userId="8955ae62-45ff-43c9-8c3d-6aad30f36d67" providerId="ADAL" clId="{73CCA808-DD04-4801-BA94-88849201A961}" dt="2023-05-22T15:25:15.257" v="2030" actId="478"/>
          <ac:spMkLst>
            <pc:docMk/>
            <pc:sldMk cId="1884129334" sldId="2147374215"/>
            <ac:spMk id="4" creationId="{EFB4A2D8-B987-C047-6630-17707E3339AC}"/>
          </ac:spMkLst>
        </pc:spChg>
        <pc:spChg chg="add del mod">
          <ac:chgData name="Sorour Falahati" userId="8955ae62-45ff-43c9-8c3d-6aad30f36d67" providerId="ADAL" clId="{73CCA808-DD04-4801-BA94-88849201A961}" dt="2023-05-22T15:25:18.130" v="2031" actId="478"/>
          <ac:spMkLst>
            <pc:docMk/>
            <pc:sldMk cId="1884129334" sldId="2147374215"/>
            <ac:spMk id="5" creationId="{91FE75EC-3EFB-FD78-1C45-A8C5613C0123}"/>
          </ac:spMkLst>
        </pc:spChg>
        <pc:spChg chg="add del mod">
          <ac:chgData name="Sorour Falahati" userId="8955ae62-45ff-43c9-8c3d-6aad30f36d67" providerId="ADAL" clId="{73CCA808-DD04-4801-BA94-88849201A961}" dt="2023-05-22T15:22:13.292" v="1889" actId="478"/>
          <ac:spMkLst>
            <pc:docMk/>
            <pc:sldMk cId="1884129334" sldId="2147374215"/>
            <ac:spMk id="6" creationId="{1363B01A-5806-88F6-02A4-86D922A9BF16}"/>
          </ac:spMkLst>
        </pc:spChg>
        <pc:spChg chg="add del mod">
          <ac:chgData name="Sorour Falahati" userId="8955ae62-45ff-43c9-8c3d-6aad30f36d67" providerId="ADAL" clId="{73CCA808-DD04-4801-BA94-88849201A961}" dt="2023-05-22T15:30:05.322" v="2205" actId="478"/>
          <ac:spMkLst>
            <pc:docMk/>
            <pc:sldMk cId="1884129334" sldId="2147374215"/>
            <ac:spMk id="7" creationId="{8A36A6D2-21AF-5B54-80ED-0A515A373730}"/>
          </ac:spMkLst>
        </pc:spChg>
        <pc:spChg chg="add mod">
          <ac:chgData name="Sorour Falahati" userId="8955ae62-45ff-43c9-8c3d-6aad30f36d67" providerId="ADAL" clId="{73CCA808-DD04-4801-BA94-88849201A961}" dt="2023-05-22T15:30:14.642" v="2209" actId="1035"/>
          <ac:spMkLst>
            <pc:docMk/>
            <pc:sldMk cId="1884129334" sldId="2147374215"/>
            <ac:spMk id="24" creationId="{35091C10-320B-4090-30E7-14FF5E51DDAC}"/>
          </ac:spMkLst>
        </pc:spChg>
        <pc:spChg chg="add mod">
          <ac:chgData name="Sorour Falahati" userId="8955ae62-45ff-43c9-8c3d-6aad30f36d67" providerId="ADAL" clId="{73CCA808-DD04-4801-BA94-88849201A961}" dt="2023-05-22T15:30:11.969" v="2207" actId="1035"/>
          <ac:spMkLst>
            <pc:docMk/>
            <pc:sldMk cId="1884129334" sldId="2147374215"/>
            <ac:spMk id="26" creationId="{4FE6ECA3-6104-3E0A-CC5E-B2862D9D3390}"/>
          </ac:spMkLst>
        </pc:spChg>
        <pc:spChg chg="add mod">
          <ac:chgData name="Sorour Falahati" userId="8955ae62-45ff-43c9-8c3d-6aad30f36d67" providerId="ADAL" clId="{73CCA808-DD04-4801-BA94-88849201A961}" dt="2023-05-22T15:30:50.708" v="2322" actId="1037"/>
          <ac:spMkLst>
            <pc:docMk/>
            <pc:sldMk cId="1884129334" sldId="2147374215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2T15:19:10.067" v="1640" actId="207"/>
          <ac:spMkLst>
            <pc:docMk/>
            <pc:sldMk cId="1884129334" sldId="2147374215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19:13.892" v="1641" actId="207"/>
          <ac:spMkLst>
            <pc:docMk/>
            <pc:sldMk cId="1884129334" sldId="2147374215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19:17.130" v="1642" actId="207"/>
          <ac:spMkLst>
            <pc:docMk/>
            <pc:sldMk cId="1884129334" sldId="2147374215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19:20.719" v="1643" actId="207"/>
          <ac:spMkLst>
            <pc:docMk/>
            <pc:sldMk cId="1884129334" sldId="2147374215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19:24.741" v="1644" actId="207"/>
          <ac:spMkLst>
            <pc:docMk/>
            <pc:sldMk cId="1884129334" sldId="2147374215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19:34.705" v="1645" actId="207"/>
          <ac:spMkLst>
            <pc:docMk/>
            <pc:sldMk cId="1884129334" sldId="2147374215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19:38.301" v="1646" actId="207"/>
          <ac:spMkLst>
            <pc:docMk/>
            <pc:sldMk cId="1884129334" sldId="2147374215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19:41.740" v="1647" actId="207"/>
          <ac:spMkLst>
            <pc:docMk/>
            <pc:sldMk cId="1884129334" sldId="2147374215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19:44.664" v="1648" actId="207"/>
          <ac:spMkLst>
            <pc:docMk/>
            <pc:sldMk cId="1884129334" sldId="2147374215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2:44:44.671" v="4436" actId="20577"/>
          <ac:spMkLst>
            <pc:docMk/>
            <pc:sldMk cId="1884129334" sldId="2147374215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03.594" v="4068" actId="14100"/>
          <ac:spMkLst>
            <pc:docMk/>
            <pc:sldMk cId="1884129334" sldId="2147374215"/>
            <ac:spMk id="84" creationId="{43A989E1-2A0A-6253-8FA3-4E8822C2D378}"/>
          </ac:spMkLst>
        </pc:spChg>
        <pc:cxnChg chg="add del mod">
          <ac:chgData name="Sorour Falahati" userId="8955ae62-45ff-43c9-8c3d-6aad30f36d67" providerId="ADAL" clId="{73CCA808-DD04-4801-BA94-88849201A961}" dt="2023-05-22T15:29:58.595" v="2204" actId="478"/>
          <ac:cxnSpMkLst>
            <pc:docMk/>
            <pc:sldMk cId="1884129334" sldId="2147374215"/>
            <ac:cxnSpMk id="9" creationId="{166EEC31-6A7E-B3AD-F641-7F6A1946C6BA}"/>
          </ac:cxnSpMkLst>
        </pc:cxnChg>
        <pc:cxnChg chg="add del mod">
          <ac:chgData name="Sorour Falahati" userId="8955ae62-45ff-43c9-8c3d-6aad30f36d67" providerId="ADAL" clId="{73CCA808-DD04-4801-BA94-88849201A961}" dt="2023-05-22T15:25:23.116" v="2032" actId="478"/>
          <ac:cxnSpMkLst>
            <pc:docMk/>
            <pc:sldMk cId="1884129334" sldId="2147374215"/>
            <ac:cxnSpMk id="12" creationId="{504D1C02-9704-4917-4F36-29B67B03C1C5}"/>
          </ac:cxnSpMkLst>
        </pc:cxnChg>
        <pc:cxnChg chg="add del mod">
          <ac:chgData name="Sorour Falahati" userId="8955ae62-45ff-43c9-8c3d-6aad30f36d67" providerId="ADAL" clId="{73CCA808-DD04-4801-BA94-88849201A961}" dt="2023-05-22T15:26:02.179" v="2036" actId="478"/>
          <ac:cxnSpMkLst>
            <pc:docMk/>
            <pc:sldMk cId="1884129334" sldId="2147374215"/>
            <ac:cxnSpMk id="14" creationId="{3E9DE48B-A935-94FA-2A58-5362C83005BF}"/>
          </ac:cxnSpMkLst>
        </pc:cxnChg>
        <pc:cxnChg chg="add del mod">
          <ac:chgData name="Sorour Falahati" userId="8955ae62-45ff-43c9-8c3d-6aad30f36d67" providerId="ADAL" clId="{73CCA808-DD04-4801-BA94-88849201A961}" dt="2023-05-22T15:24:40.104" v="1998" actId="478"/>
          <ac:cxnSpMkLst>
            <pc:docMk/>
            <pc:sldMk cId="1884129334" sldId="2147374215"/>
            <ac:cxnSpMk id="17" creationId="{219E53D4-ED73-FB69-5F70-C87877DD7283}"/>
          </ac:cxnSpMkLst>
        </pc:cxnChg>
        <pc:cxnChg chg="add mod">
          <ac:chgData name="Sorour Falahati" userId="8955ae62-45ff-43c9-8c3d-6aad30f36d67" providerId="ADAL" clId="{73CCA808-DD04-4801-BA94-88849201A961}" dt="2023-05-22T15:25:42.638" v="2035" actId="13822"/>
          <ac:cxnSpMkLst>
            <pc:docMk/>
            <pc:sldMk cId="1884129334" sldId="2147374215"/>
            <ac:cxnSpMk id="20" creationId="{EAF19B1F-9A14-65E4-CE76-AD2287BBD861}"/>
          </ac:cxnSpMkLst>
        </pc:cxnChg>
        <pc:cxnChg chg="add del mod">
          <ac:chgData name="Sorour Falahati" userId="8955ae62-45ff-43c9-8c3d-6aad30f36d67" providerId="ADAL" clId="{73CCA808-DD04-4801-BA94-88849201A961}" dt="2023-05-22T15:26:40.905" v="2039" actId="478"/>
          <ac:cxnSpMkLst>
            <pc:docMk/>
            <pc:sldMk cId="1884129334" sldId="2147374215"/>
            <ac:cxnSpMk id="22" creationId="{5BE9AF21-8898-F5E0-0E07-CD301495504A}"/>
          </ac:cxnSpMkLst>
        </pc:cxnChg>
        <pc:cxnChg chg="add mod">
          <ac:chgData name="Sorour Falahati" userId="8955ae62-45ff-43c9-8c3d-6aad30f36d67" providerId="ADAL" clId="{73CCA808-DD04-4801-BA94-88849201A961}" dt="2023-05-22T15:28:15.048" v="2120" actId="1038"/>
          <ac:cxnSpMkLst>
            <pc:docMk/>
            <pc:sldMk cId="1884129334" sldId="2147374215"/>
            <ac:cxnSpMk id="23" creationId="{92E20BCC-CA5E-2F2C-1CFD-26A4BB223FF6}"/>
          </ac:cxnSpMkLst>
        </pc:cxnChg>
        <pc:cxnChg chg="add mod">
          <ac:chgData name="Sorour Falahati" userId="8955ae62-45ff-43c9-8c3d-6aad30f36d67" providerId="ADAL" clId="{73CCA808-DD04-4801-BA94-88849201A961}" dt="2023-05-22T15:29:30.486" v="2199" actId="1035"/>
          <ac:cxnSpMkLst>
            <pc:docMk/>
            <pc:sldMk cId="1884129334" sldId="2147374215"/>
            <ac:cxnSpMk id="25" creationId="{144B5FB5-5045-617D-1C26-D6BBBAE7083B}"/>
          </ac:cxnSpMkLst>
        </pc:cxnChg>
        <pc:cxnChg chg="add mod">
          <ac:chgData name="Sorour Falahati" userId="8955ae62-45ff-43c9-8c3d-6aad30f36d67" providerId="ADAL" clId="{73CCA808-DD04-4801-BA94-88849201A961}" dt="2023-05-22T15:29:38.412" v="2201" actId="13822"/>
          <ac:cxnSpMkLst>
            <pc:docMk/>
            <pc:sldMk cId="1884129334" sldId="2147374215"/>
            <ac:cxnSpMk id="27" creationId="{0467FF86-0E30-07D5-F796-DC6F48545AAC}"/>
          </ac:cxnSpMkLst>
        </pc:cxnChg>
        <pc:cxnChg chg="add mod">
          <ac:chgData name="Sorour Falahati" userId="8955ae62-45ff-43c9-8c3d-6aad30f36d67" providerId="ADAL" clId="{73CCA808-DD04-4801-BA94-88849201A961}" dt="2023-05-22T15:30:50.708" v="2322" actId="1037"/>
          <ac:cxnSpMkLst>
            <pc:docMk/>
            <pc:sldMk cId="1884129334" sldId="2147374215"/>
            <ac:cxnSpMk id="29" creationId="{85BAA46B-AB91-2233-ADAC-36DD54E933B7}"/>
          </ac:cxnSpMkLst>
        </pc:cxnChg>
        <pc:cxnChg chg="add mod">
          <ac:chgData name="Sorour Falahati" userId="8955ae62-45ff-43c9-8c3d-6aad30f36d67" providerId="ADAL" clId="{73CCA808-DD04-4801-BA94-88849201A961}" dt="2023-05-22T15:31:01.940" v="2394" actId="1038"/>
          <ac:cxnSpMkLst>
            <pc:docMk/>
            <pc:sldMk cId="1884129334" sldId="2147374215"/>
            <ac:cxnSpMk id="30" creationId="{460042DD-F828-B072-7248-41839DF725F7}"/>
          </ac:cxnSpMkLst>
        </pc:cxnChg>
      </pc:sldChg>
      <pc:sldChg chg="modSp add del mod">
        <pc:chgData name="Sorour Falahati" userId="8955ae62-45ff-43c9-8c3d-6aad30f36d67" providerId="ADAL" clId="{73CCA808-DD04-4801-BA94-88849201A961}" dt="2023-05-23T18:01:35.991" v="12219" actId="47"/>
        <pc:sldMkLst>
          <pc:docMk/>
          <pc:sldMk cId="736989704" sldId="2147374216"/>
        </pc:sldMkLst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" creationId="{03C80266-9301-D0F0-390F-A5469C5DEFDB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3" creationId="{5FCF0F51-1F93-8984-E045-9A625BDD9E51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4" creationId="{35091C10-320B-4090-30E7-14FF5E51DDAC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6" creationId="{4FE6ECA3-6104-3E0A-CC5E-B2862D9D3390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3T12:44:51.038" v="4440" actId="20577"/>
          <ac:spMkLst>
            <pc:docMk/>
            <pc:sldMk cId="736989704" sldId="2147374216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26.536" v="4072" actId="14100"/>
          <ac:spMkLst>
            <pc:docMk/>
            <pc:sldMk cId="736989704" sldId="2147374216"/>
            <ac:spMk id="84" creationId="{43A989E1-2A0A-6253-8FA3-4E8822C2D378}"/>
          </ac:spMkLst>
        </pc:spChg>
        <pc:cxnChg chg="mod">
          <ac:chgData name="Sorour Falahati" userId="8955ae62-45ff-43c9-8c3d-6aad30f36d67" providerId="ADAL" clId="{73CCA808-DD04-4801-BA94-88849201A961}" dt="2023-05-22T15:31:45.536" v="2416" actId="14100"/>
          <ac:cxnSpMkLst>
            <pc:docMk/>
            <pc:sldMk cId="736989704" sldId="2147374216"/>
            <ac:cxnSpMk id="20" creationId="{EAF19B1F-9A14-65E4-CE76-AD2287BBD861}"/>
          </ac:cxnSpMkLst>
        </pc:cxnChg>
        <pc:cxnChg chg="mod">
          <ac:chgData name="Sorour Falahati" userId="8955ae62-45ff-43c9-8c3d-6aad30f36d67" providerId="ADAL" clId="{73CCA808-DD04-4801-BA94-88849201A961}" dt="2023-05-22T15:31:57.429" v="2417" actId="14100"/>
          <ac:cxnSpMkLst>
            <pc:docMk/>
            <pc:sldMk cId="736989704" sldId="2147374216"/>
            <ac:cxnSpMk id="23" creationId="{92E20BCC-CA5E-2F2C-1CFD-26A4BB223FF6}"/>
          </ac:cxnSpMkLst>
        </pc:cxnChg>
        <pc:cxnChg chg="mod">
          <ac:chgData name="Sorour Falahati" userId="8955ae62-45ff-43c9-8c3d-6aad30f36d67" providerId="ADAL" clId="{73CCA808-DD04-4801-BA94-88849201A961}" dt="2023-05-22T15:32:17.099" v="2418" actId="14100"/>
          <ac:cxnSpMkLst>
            <pc:docMk/>
            <pc:sldMk cId="736989704" sldId="2147374216"/>
            <ac:cxnSpMk id="25" creationId="{144B5FB5-5045-617D-1C26-D6BBBAE7083B}"/>
          </ac:cxnSpMkLst>
        </pc:cxnChg>
        <pc:cxnChg chg="mod">
          <ac:chgData name="Sorour Falahati" userId="8955ae62-45ff-43c9-8c3d-6aad30f36d67" providerId="ADAL" clId="{73CCA808-DD04-4801-BA94-88849201A961}" dt="2023-05-22T15:32:25.938" v="2419" actId="14100"/>
          <ac:cxnSpMkLst>
            <pc:docMk/>
            <pc:sldMk cId="736989704" sldId="2147374216"/>
            <ac:cxnSpMk id="27" creationId="{0467FF86-0E30-07D5-F796-DC6F48545AAC}"/>
          </ac:cxnSpMkLst>
        </pc:cxnChg>
        <pc:cxnChg chg="mod">
          <ac:chgData name="Sorour Falahati" userId="8955ae62-45ff-43c9-8c3d-6aad30f36d67" providerId="ADAL" clId="{73CCA808-DD04-4801-BA94-88849201A961}" dt="2023-05-22T15:32:31.297" v="2420" actId="14100"/>
          <ac:cxnSpMkLst>
            <pc:docMk/>
            <pc:sldMk cId="736989704" sldId="2147374216"/>
            <ac:cxnSpMk id="29" creationId="{85BAA46B-AB91-2233-ADAC-36DD54E933B7}"/>
          </ac:cxnSpMkLst>
        </pc:cxnChg>
      </pc:sldChg>
      <pc:sldChg chg="addSp modSp new del mod modClrScheme chgLayout">
        <pc:chgData name="Sorour Falahati" userId="8955ae62-45ff-43c9-8c3d-6aad30f36d67" providerId="ADAL" clId="{73CCA808-DD04-4801-BA94-88849201A961}" dt="2023-05-23T18:13:29.840" v="12620" actId="47"/>
        <pc:sldMkLst>
          <pc:docMk/>
          <pc:sldMk cId="685022121" sldId="2147374217"/>
        </pc:sldMkLst>
        <pc:spChg chg="mod ord">
          <ac:chgData name="Sorour Falahati" userId="8955ae62-45ff-43c9-8c3d-6aad30f36d67" providerId="ADAL" clId="{73CCA808-DD04-4801-BA94-88849201A961}" dt="2023-05-22T15:57:55.993" v="2753" actId="700"/>
          <ac:spMkLst>
            <pc:docMk/>
            <pc:sldMk cId="685022121" sldId="2147374217"/>
            <ac:spMk id="2" creationId="{2436F863-D390-2C88-01E8-9C957F63FB30}"/>
          </ac:spMkLst>
        </pc:spChg>
        <pc:spChg chg="mod ord">
          <ac:chgData name="Sorour Falahati" userId="8955ae62-45ff-43c9-8c3d-6aad30f36d67" providerId="ADAL" clId="{73CCA808-DD04-4801-BA94-88849201A961}" dt="2023-05-22T16:24:13.295" v="3679" actId="5793"/>
          <ac:spMkLst>
            <pc:docMk/>
            <pc:sldMk cId="685022121" sldId="2147374217"/>
            <ac:spMk id="3" creationId="{AF87F42B-DE48-224B-8E27-E8D660475BF2}"/>
          </ac:spMkLst>
        </pc:spChg>
        <pc:spChg chg="add mod ord">
          <ac:chgData name="Sorour Falahati" userId="8955ae62-45ff-43c9-8c3d-6aad30f36d67" providerId="ADAL" clId="{73CCA808-DD04-4801-BA94-88849201A961}" dt="2023-05-22T16:23:12.828" v="3571"/>
          <ac:spMkLst>
            <pc:docMk/>
            <pc:sldMk cId="685022121" sldId="2147374217"/>
            <ac:spMk id="4" creationId="{781A6705-07FE-F1FA-7D90-13981B938E55}"/>
          </ac:spMkLst>
        </pc:spChg>
      </pc:sldChg>
      <pc:sldChg chg="modSp new mod">
        <pc:chgData name="Sorour Falahati" userId="8955ae62-45ff-43c9-8c3d-6aad30f36d67" providerId="ADAL" clId="{73CCA808-DD04-4801-BA94-88849201A961}" dt="2023-05-22T16:25:01.895" v="3742" actId="20577"/>
        <pc:sldMkLst>
          <pc:docMk/>
          <pc:sldMk cId="1603042978" sldId="2147374218"/>
        </pc:sldMkLst>
        <pc:spChg chg="mod">
          <ac:chgData name="Sorour Falahati" userId="8955ae62-45ff-43c9-8c3d-6aad30f36d67" providerId="ADAL" clId="{73CCA808-DD04-4801-BA94-88849201A961}" dt="2023-05-22T16:24:51.336" v="3721" actId="20577"/>
          <ac:spMkLst>
            <pc:docMk/>
            <pc:sldMk cId="1603042978" sldId="2147374218"/>
            <ac:spMk id="2" creationId="{E72D1CA1-CA59-9FF4-081A-76F5701CE804}"/>
          </ac:spMkLst>
        </pc:spChg>
        <pc:spChg chg="mod">
          <ac:chgData name="Sorour Falahati" userId="8955ae62-45ff-43c9-8c3d-6aad30f36d67" providerId="ADAL" clId="{73CCA808-DD04-4801-BA94-88849201A961}" dt="2023-05-22T16:25:01.895" v="3742" actId="20577"/>
          <ac:spMkLst>
            <pc:docMk/>
            <pc:sldMk cId="1603042978" sldId="2147374218"/>
            <ac:spMk id="3" creationId="{9A17B33E-F81A-4A0E-D1EC-7AC922F34F1E}"/>
          </ac:spMkLst>
        </pc:spChg>
      </pc:sldChg>
      <pc:sldChg chg="new del">
        <pc:chgData name="Sorour Falahati" userId="8955ae62-45ff-43c9-8c3d-6aad30f36d67" providerId="ADAL" clId="{73CCA808-DD04-4801-BA94-88849201A961}" dt="2023-05-22T16:24:33.910" v="3682" actId="2696"/>
        <pc:sldMkLst>
          <pc:docMk/>
          <pc:sldMk cId="514660242" sldId="2147374219"/>
        </pc:sldMkLst>
      </pc:sldChg>
      <pc:sldChg chg="modSp new del mod">
        <pc:chgData name="Sorour Falahati" userId="8955ae62-45ff-43c9-8c3d-6aad30f36d67" providerId="ADAL" clId="{73CCA808-DD04-4801-BA94-88849201A961}" dt="2023-05-23T16:47:57.600" v="8844" actId="2696"/>
        <pc:sldMkLst>
          <pc:docMk/>
          <pc:sldMk cId="1015366324" sldId="2147374219"/>
        </pc:sldMkLst>
        <pc:spChg chg="mod">
          <ac:chgData name="Sorour Falahati" userId="8955ae62-45ff-43c9-8c3d-6aad30f36d67" providerId="ADAL" clId="{73CCA808-DD04-4801-BA94-88849201A961}" dt="2023-05-23T15:40:19.602" v="5811" actId="20577"/>
          <ac:spMkLst>
            <pc:docMk/>
            <pc:sldMk cId="1015366324" sldId="2147374219"/>
            <ac:spMk id="2" creationId="{9CF6D4E8-9E6B-80F4-D1CA-9D025DCE213F}"/>
          </ac:spMkLst>
        </pc:spChg>
        <pc:spChg chg="mod">
          <ac:chgData name="Sorour Falahati" userId="8955ae62-45ff-43c9-8c3d-6aad30f36d67" providerId="ADAL" clId="{73CCA808-DD04-4801-BA94-88849201A961}" dt="2023-05-23T15:21:02.376" v="5098" actId="20577"/>
          <ac:spMkLst>
            <pc:docMk/>
            <pc:sldMk cId="1015366324" sldId="2147374219"/>
            <ac:spMk id="3" creationId="{A8A1DC25-58F5-3663-EE34-A3E4A76912E8}"/>
          </ac:spMkLst>
        </pc:spChg>
      </pc:sldChg>
      <pc:sldChg chg="modSp new mod">
        <pc:chgData name="Sorour Falahati" userId="8955ae62-45ff-43c9-8c3d-6aad30f36d67" providerId="ADAL" clId="{73CCA808-DD04-4801-BA94-88849201A961}" dt="2023-05-23T17:05:49.320" v="9190" actId="13926"/>
        <pc:sldMkLst>
          <pc:docMk/>
          <pc:sldMk cId="1436307951" sldId="2147374220"/>
        </pc:sldMkLst>
        <pc:spChg chg="mod">
          <ac:chgData name="Sorour Falahati" userId="8955ae62-45ff-43c9-8c3d-6aad30f36d67" providerId="ADAL" clId="{73CCA808-DD04-4801-BA94-88849201A961}" dt="2023-05-23T17:05:49.320" v="9190" actId="13926"/>
          <ac:spMkLst>
            <pc:docMk/>
            <pc:sldMk cId="1436307951" sldId="2147374220"/>
            <ac:spMk id="2" creationId="{DA8C6A6D-AAC3-4C3C-C173-92C12060EE3F}"/>
          </ac:spMkLst>
        </pc:spChg>
        <pc:spChg chg="mod">
          <ac:chgData name="Sorour Falahati" userId="8955ae62-45ff-43c9-8c3d-6aad30f36d67" providerId="ADAL" clId="{73CCA808-DD04-4801-BA94-88849201A961}" dt="2023-05-23T17:02:21.755" v="9155" actId="20577"/>
          <ac:spMkLst>
            <pc:docMk/>
            <pc:sldMk cId="1436307951" sldId="2147374220"/>
            <ac:spMk id="3" creationId="{2579957F-A1D1-CB1D-A3B0-27D3CF58CB33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8:01:48.796" v="12220" actId="2696"/>
        <pc:sldMkLst>
          <pc:docMk/>
          <pc:sldMk cId="3820986436" sldId="2147374221"/>
        </pc:sldMkLst>
        <pc:spChg chg="mod ord">
          <ac:chgData name="Sorour Falahati" userId="8955ae62-45ff-43c9-8c3d-6aad30f36d67" providerId="ADAL" clId="{73CCA808-DD04-4801-BA94-88849201A961}" dt="2023-05-23T16:48:27.311" v="8846" actId="700"/>
          <ac:spMkLst>
            <pc:docMk/>
            <pc:sldMk cId="3820986436" sldId="2147374221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7:03:11.739" v="9156" actId="113"/>
          <ac:spMkLst>
            <pc:docMk/>
            <pc:sldMk cId="3820986436" sldId="2147374221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7:03:16.100" v="9157" actId="113"/>
          <ac:spMkLst>
            <pc:docMk/>
            <pc:sldMk cId="3820986436" sldId="2147374221"/>
            <ac:spMk id="4" creationId="{C4AF9221-842E-FB69-9A76-15FAF8BE974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11.501" v="12229" actId="20577"/>
        <pc:sldMkLst>
          <pc:docMk/>
          <pc:sldMk cId="3982852394" sldId="2147374221"/>
        </pc:sldMkLst>
        <pc:spChg chg="mod">
          <ac:chgData name="Sorour Falahati" userId="8955ae62-45ff-43c9-8c3d-6aad30f36d67" providerId="ADAL" clId="{73CCA808-DD04-4801-BA94-88849201A961}" dt="2023-05-23T18:02:07.428" v="12227" actId="20577"/>
          <ac:spMkLst>
            <pc:docMk/>
            <pc:sldMk cId="3982852394" sldId="2147374221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11.501" v="12229" actId="20577"/>
          <ac:spMkLst>
            <pc:docMk/>
            <pc:sldMk cId="3982852394" sldId="2147374221"/>
            <ac:spMk id="4" creationId="{C4AF9221-842E-FB69-9A76-15FAF8BE9742}"/>
          </ac:spMkLst>
        </pc:spChg>
      </pc:sldChg>
      <pc:sldChg chg="add del">
        <pc:chgData name="Sorour Falahati" userId="8955ae62-45ff-43c9-8c3d-6aad30f36d67" providerId="ADAL" clId="{73CCA808-DD04-4801-BA94-88849201A961}" dt="2023-05-23T16:48:03.451" v="8845" actId="2696"/>
        <pc:sldMkLst>
          <pc:docMk/>
          <pc:sldMk cId="158328902" sldId="2147374222"/>
        </pc:sldMkLst>
      </pc:sldChg>
      <pc:sldChg chg="add del">
        <pc:chgData name="Sorour Falahati" userId="8955ae62-45ff-43c9-8c3d-6aad30f36d67" providerId="ADAL" clId="{73CCA808-DD04-4801-BA94-88849201A961}" dt="2023-05-23T16:47:51.743" v="8843" actId="2696"/>
        <pc:sldMkLst>
          <pc:docMk/>
          <pc:sldMk cId="1386192313" sldId="2147374223"/>
        </pc:sldMkLst>
      </pc:sldChg>
      <pc:sldChg chg="addSp modSp add mod modClrScheme chgLayout">
        <pc:chgData name="Sorour Falahati" userId="8955ae62-45ff-43c9-8c3d-6aad30f36d67" providerId="ADAL" clId="{73CCA808-DD04-4801-BA94-88849201A961}" dt="2023-05-23T18:02:00.631" v="12225" actId="20577"/>
        <pc:sldMkLst>
          <pc:docMk/>
          <pc:sldMk cId="2802623044" sldId="2147374224"/>
        </pc:sldMkLst>
        <pc:spChg chg="mod ord">
          <ac:chgData name="Sorour Falahati" userId="8955ae62-45ff-43c9-8c3d-6aad30f36d67" providerId="ADAL" clId="{73CCA808-DD04-4801-BA94-88849201A961}" dt="2023-05-23T16:51:28.279" v="8903" actId="700"/>
          <ac:spMkLst>
            <pc:docMk/>
            <pc:sldMk cId="2802623044" sldId="2147374224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8:01:57.128" v="12223" actId="20577"/>
          <ac:spMkLst>
            <pc:docMk/>
            <pc:sldMk cId="2802623044" sldId="2147374224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8:02:00.631" v="12225" actId="20577"/>
          <ac:spMkLst>
            <pc:docMk/>
            <pc:sldMk cId="2802623044" sldId="2147374224"/>
            <ac:spMk id="4" creationId="{A311EF20-0282-B34B-14FB-0D880C584F84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8:02:17.335" v="12230" actId="2696"/>
        <pc:sldMkLst>
          <pc:docMk/>
          <pc:sldMk cId="2463157425" sldId="2147374225"/>
        </pc:sldMkLst>
        <pc:spChg chg="mod ord">
          <ac:chgData name="Sorour Falahati" userId="8955ae62-45ff-43c9-8c3d-6aad30f36d67" providerId="ADAL" clId="{73CCA808-DD04-4801-BA94-88849201A961}" dt="2023-05-23T16:55:37.726" v="9001" actId="700"/>
          <ac:spMkLst>
            <pc:docMk/>
            <pc:sldMk cId="2463157425" sldId="2147374225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7:05:35.938" v="9185" actId="20577"/>
          <ac:spMkLst>
            <pc:docMk/>
            <pc:sldMk cId="2463157425" sldId="2147374225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7:05:41.217" v="9189" actId="20577"/>
          <ac:spMkLst>
            <pc:docMk/>
            <pc:sldMk cId="2463157425" sldId="2147374225"/>
            <ac:spMk id="4" creationId="{52CF100B-F329-6DCD-F152-841B217EC15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26.853" v="12235" actId="20577"/>
        <pc:sldMkLst>
          <pc:docMk/>
          <pc:sldMk cId="3810752861" sldId="2147374225"/>
        </pc:sldMkLst>
        <pc:spChg chg="mod">
          <ac:chgData name="Sorour Falahati" userId="8955ae62-45ff-43c9-8c3d-6aad30f36d67" providerId="ADAL" clId="{73CCA808-DD04-4801-BA94-88849201A961}" dt="2023-05-23T18:02:23.239" v="12233" actId="20577"/>
          <ac:spMkLst>
            <pc:docMk/>
            <pc:sldMk cId="3810752861" sldId="2147374225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26.853" v="12235" actId="20577"/>
          <ac:spMkLst>
            <pc:docMk/>
            <pc:sldMk cId="3810752861" sldId="2147374225"/>
            <ac:spMk id="4" creationId="{52CF100B-F329-6DCD-F152-841B217EC152}"/>
          </ac:spMkLst>
        </pc:spChg>
      </pc:sldChg>
      <pc:sldChg chg="modSp add mod">
        <pc:chgData name="Sorour Falahati" userId="8955ae62-45ff-43c9-8c3d-6aad30f36d67" providerId="ADAL" clId="{73CCA808-DD04-4801-BA94-88849201A961}" dt="2023-05-23T18:02:34.248" v="12239" actId="20577"/>
        <pc:sldMkLst>
          <pc:docMk/>
          <pc:sldMk cId="1642591414" sldId="2147374226"/>
        </pc:sldMkLst>
        <pc:spChg chg="mod">
          <ac:chgData name="Sorour Falahati" userId="8955ae62-45ff-43c9-8c3d-6aad30f36d67" providerId="ADAL" clId="{73CCA808-DD04-4801-BA94-88849201A961}" dt="2023-05-23T18:02:30.934" v="12237" actId="20577"/>
          <ac:spMkLst>
            <pc:docMk/>
            <pc:sldMk cId="1642591414" sldId="2147374226"/>
            <ac:spMk id="3" creationId="{A8A1DC25-58F5-3663-EE34-A3E4A76912E8}"/>
          </ac:spMkLst>
        </pc:spChg>
        <pc:spChg chg="mod">
          <ac:chgData name="Sorour Falahati" userId="8955ae62-45ff-43c9-8c3d-6aad30f36d67" providerId="ADAL" clId="{73CCA808-DD04-4801-BA94-88849201A961}" dt="2023-05-23T18:02:34.248" v="12239" actId="20577"/>
          <ac:spMkLst>
            <pc:docMk/>
            <pc:sldMk cId="1642591414" sldId="2147374226"/>
            <ac:spMk id="4" creationId="{000098C1-07E1-BEE6-EB45-66B0D04312D1}"/>
          </ac:spMkLst>
        </pc:spChg>
      </pc:sldChg>
      <pc:sldChg chg="addSp modSp add del mod modClrScheme chgLayout">
        <pc:chgData name="Sorour Falahati" userId="8955ae62-45ff-43c9-8c3d-6aad30f36d67" providerId="ADAL" clId="{73CCA808-DD04-4801-BA94-88849201A961}" dt="2023-05-23T17:00:23.137" v="9116" actId="2696"/>
        <pc:sldMkLst>
          <pc:docMk/>
          <pc:sldMk cId="1757739596" sldId="2147374226"/>
        </pc:sldMkLst>
        <pc:spChg chg="mod ord">
          <ac:chgData name="Sorour Falahati" userId="8955ae62-45ff-43c9-8c3d-6aad30f36d67" providerId="ADAL" clId="{73CCA808-DD04-4801-BA94-88849201A961}" dt="2023-05-23T16:58:01.385" v="9050" actId="700"/>
          <ac:spMkLst>
            <pc:docMk/>
            <pc:sldMk cId="1757739596" sldId="2147374226"/>
            <ac:spMk id="2" creationId="{9CF6D4E8-9E6B-80F4-D1CA-9D025DCE213F}"/>
          </ac:spMkLst>
        </pc:spChg>
        <pc:spChg chg="mod ord">
          <ac:chgData name="Sorour Falahati" userId="8955ae62-45ff-43c9-8c3d-6aad30f36d67" providerId="ADAL" clId="{73CCA808-DD04-4801-BA94-88849201A961}" dt="2023-05-23T16:59:53.010" v="9104" actId="20577"/>
          <ac:spMkLst>
            <pc:docMk/>
            <pc:sldMk cId="1757739596" sldId="2147374226"/>
            <ac:spMk id="3" creationId="{A8A1DC25-58F5-3663-EE34-A3E4A76912E8}"/>
          </ac:spMkLst>
        </pc:spChg>
        <pc:spChg chg="add mod ord">
          <ac:chgData name="Sorour Falahati" userId="8955ae62-45ff-43c9-8c3d-6aad30f36d67" providerId="ADAL" clId="{73CCA808-DD04-4801-BA94-88849201A961}" dt="2023-05-23T16:59:59.021" v="9115" actId="20577"/>
          <ac:spMkLst>
            <pc:docMk/>
            <pc:sldMk cId="1757739596" sldId="2147374226"/>
            <ac:spMk id="4" creationId="{000098C1-07E1-BEE6-EB45-66B0D04312D1}"/>
          </ac:spMkLst>
        </pc:spChg>
      </pc:sldChg>
      <pc:sldChg chg="add del">
        <pc:chgData name="Sorour Falahati" userId="8955ae62-45ff-43c9-8c3d-6aad30f36d67" providerId="ADAL" clId="{73CCA808-DD04-4801-BA94-88849201A961}" dt="2023-05-23T17:29:12.663" v="10377" actId="2696"/>
        <pc:sldMkLst>
          <pc:docMk/>
          <pc:sldMk cId="156954555" sldId="2147374227"/>
        </pc:sldMkLst>
      </pc:sldChg>
      <pc:sldChg chg="modSp add mod">
        <pc:chgData name="Sorour Falahati" userId="8955ae62-45ff-43c9-8c3d-6aad30f36d67" providerId="ADAL" clId="{73CCA808-DD04-4801-BA94-88849201A961}" dt="2023-05-23T18:12:07.655" v="12615" actId="13926"/>
        <pc:sldMkLst>
          <pc:docMk/>
          <pc:sldMk cId="476575080" sldId="2147374228"/>
        </pc:sldMkLst>
        <pc:spChg chg="mod">
          <ac:chgData name="Sorour Falahati" userId="8955ae62-45ff-43c9-8c3d-6aad30f36d67" providerId="ADAL" clId="{73CCA808-DD04-4801-BA94-88849201A961}" dt="2023-05-23T18:12:02.975" v="12614" actId="13926"/>
          <ac:spMkLst>
            <pc:docMk/>
            <pc:sldMk cId="476575080" sldId="2147374228"/>
            <ac:spMk id="157" creationId="{253D96B3-C0EC-41EC-AA0E-007C9EBFBC09}"/>
          </ac:spMkLst>
        </pc:spChg>
        <pc:spChg chg="mod">
          <ac:chgData name="Sorour Falahati" userId="8955ae62-45ff-43c9-8c3d-6aad30f36d67" providerId="ADAL" clId="{73CCA808-DD04-4801-BA94-88849201A961}" dt="2023-05-23T18:12:07.655" v="12615" actId="13926"/>
          <ac:spMkLst>
            <pc:docMk/>
            <pc:sldMk cId="476575080" sldId="2147374228"/>
            <ac:spMk id="158" creationId="{F55F717C-6119-EFE4-EB58-36F1B95630AF}"/>
          </ac:spMkLst>
        </pc:spChg>
      </pc:sldChg>
      <pc:sldChg chg="addSp delSp modSp add del mod">
        <pc:chgData name="Sorour Falahati" userId="8955ae62-45ff-43c9-8c3d-6aad30f36d67" providerId="ADAL" clId="{73CCA808-DD04-4801-BA94-88849201A961}" dt="2023-05-23T18:11:07.910" v="12448" actId="2696"/>
        <pc:sldMkLst>
          <pc:docMk/>
          <pc:sldMk cId="2253071960" sldId="2147374228"/>
        </pc:sldMkLst>
        <pc:spChg chg="del">
          <ac:chgData name="Sorour Falahati" userId="8955ae62-45ff-43c9-8c3d-6aad30f36d67" providerId="ADAL" clId="{73CCA808-DD04-4801-BA94-88849201A961}" dt="2023-05-23T17:09:40.031" v="9218" actId="478"/>
          <ac:spMkLst>
            <pc:docMk/>
            <pc:sldMk cId="2253071960" sldId="2147374228"/>
            <ac:spMk id="2" creationId="{7466717E-2456-A7FB-AB3D-A8BEB1DBD0D3}"/>
          </ac:spMkLst>
        </pc:spChg>
        <pc:spChg chg="del">
          <ac:chgData name="Sorour Falahati" userId="8955ae62-45ff-43c9-8c3d-6aad30f36d67" providerId="ADAL" clId="{73CCA808-DD04-4801-BA94-88849201A961}" dt="2023-05-23T17:09:37.310" v="9216" actId="478"/>
          <ac:spMkLst>
            <pc:docMk/>
            <pc:sldMk cId="2253071960" sldId="2147374228"/>
            <ac:spMk id="3" creationId="{BE1FDF5D-AF8A-B478-3E40-B92AD593B519}"/>
          </ac:spMkLst>
        </pc:spChg>
        <pc:spChg chg="del">
          <ac:chgData name="Sorour Falahati" userId="8955ae62-45ff-43c9-8c3d-6aad30f36d67" providerId="ADAL" clId="{73CCA808-DD04-4801-BA94-88849201A961}" dt="2023-05-23T17:09:38.911" v="9217" actId="478"/>
          <ac:spMkLst>
            <pc:docMk/>
            <pc:sldMk cId="2253071960" sldId="2147374228"/>
            <ac:spMk id="4" creationId="{F7628C90-A9CF-CECE-9161-28A08F14314A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" creationId="{6E1DEB76-F8DA-16BD-252D-78377871D17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" creationId="{9263672A-7FB9-6061-C3DC-99B6CF0D97BF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" creationId="{FD668A73-05AC-7956-4AAA-6B75EA591EF4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6" creationId="{D9E0AEC2-B476-C3C0-F9E7-2BA2B0131EE7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0" creationId="{D02C1B39-00F8-6FCD-50ED-97DD4D59D949}"/>
          </ac:spMkLst>
        </pc:spChg>
        <pc:spChg chg="del">
          <ac:chgData name="Sorour Falahati" userId="8955ae62-45ff-43c9-8c3d-6aad30f36d67" providerId="ADAL" clId="{73CCA808-DD04-4801-BA94-88849201A961}" dt="2023-05-23T17:09:41.786" v="9219" actId="478"/>
          <ac:spMkLst>
            <pc:docMk/>
            <pc:sldMk cId="2253071960" sldId="2147374228"/>
            <ac:spMk id="21" creationId="{9D6527D8-685A-2EC9-9869-697DC59CBE13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4" creationId="{933D6A82-DFF0-465C-5A7E-BF19B06DE5B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5" creationId="{D5AB3590-16B3-E9B2-9C66-EAC331A2A643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6" creationId="{CEC6EF47-1F40-9D65-8C74-DAAD65DABF95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7" creationId="{BC71CE66-DA31-3CF3-FE25-D4CAC62344BE}"/>
          </ac:spMkLst>
        </pc:spChg>
        <pc:spChg chg="add mod topLvl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28" creationId="{CC63A626-8110-6EF3-B3C3-053521543600}"/>
          </ac:spMkLst>
        </pc:spChg>
        <pc:spChg chg="add del mod">
          <ac:chgData name="Sorour Falahati" userId="8955ae62-45ff-43c9-8c3d-6aad30f36d67" providerId="ADAL" clId="{73CCA808-DD04-4801-BA94-88849201A961}" dt="2023-05-23T17:16:11.591" v="9686" actId="478"/>
          <ac:spMkLst>
            <pc:docMk/>
            <pc:sldMk cId="2253071960" sldId="2147374228"/>
            <ac:spMk id="35" creationId="{E4398E58-4E4A-F508-9543-9DBD71E6D181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40" creationId="{4CFAD0CE-6CFE-1B8E-2639-915FE9EA5CE9}"/>
          </ac:spMkLst>
        </pc:spChg>
        <pc:spChg chg="del mod">
          <ac:chgData name="Sorour Falahati" userId="8955ae62-45ff-43c9-8c3d-6aad30f36d67" providerId="ADAL" clId="{73CCA808-DD04-4801-BA94-88849201A961}" dt="2023-05-23T17:18:16.881" v="9789" actId="478"/>
          <ac:spMkLst>
            <pc:docMk/>
            <pc:sldMk cId="2253071960" sldId="2147374228"/>
            <ac:spMk id="41" creationId="{3C628101-5B1B-1252-52C1-9B8C5F570F73}"/>
          </ac:spMkLst>
        </pc:spChg>
        <pc:spChg chg="del mod">
          <ac:chgData name="Sorour Falahati" userId="8955ae62-45ff-43c9-8c3d-6aad30f36d67" providerId="ADAL" clId="{73CCA808-DD04-4801-BA94-88849201A961}" dt="2023-05-23T17:18:11.087" v="9787" actId="478"/>
          <ac:spMkLst>
            <pc:docMk/>
            <pc:sldMk cId="2253071960" sldId="2147374228"/>
            <ac:spMk id="42" creationId="{183E4A0B-1D56-6850-89C8-6A1DCBBDF702}"/>
          </ac:spMkLst>
        </pc:spChg>
        <pc:spChg chg="del mod">
          <ac:chgData name="Sorour Falahati" userId="8955ae62-45ff-43c9-8c3d-6aad30f36d67" providerId="ADAL" clId="{73CCA808-DD04-4801-BA94-88849201A961}" dt="2023-05-23T17:18:09.135" v="9786" actId="478"/>
          <ac:spMkLst>
            <pc:docMk/>
            <pc:sldMk cId="2253071960" sldId="2147374228"/>
            <ac:spMk id="45" creationId="{087AC665-81FD-8559-5B4E-3DCD79D581BC}"/>
          </ac:spMkLst>
        </pc:spChg>
        <pc:spChg chg="del mod">
          <ac:chgData name="Sorour Falahati" userId="8955ae62-45ff-43c9-8c3d-6aad30f36d67" providerId="ADAL" clId="{73CCA808-DD04-4801-BA94-88849201A961}" dt="2023-05-23T17:18:03.962" v="9784" actId="478"/>
          <ac:spMkLst>
            <pc:docMk/>
            <pc:sldMk cId="2253071960" sldId="2147374228"/>
            <ac:spMk id="47" creationId="{8B3E8AC6-3841-39F5-DE4A-C30C3D18212D}"/>
          </ac:spMkLst>
        </pc:spChg>
        <pc:spChg chg="mod">
          <ac:chgData name="Sorour Falahati" userId="8955ae62-45ff-43c9-8c3d-6aad30f36d67" providerId="ADAL" clId="{73CCA808-DD04-4801-BA94-88849201A961}" dt="2023-05-23T18:02:58.777" v="12241" actId="20577"/>
          <ac:spMkLst>
            <pc:docMk/>
            <pc:sldMk cId="2253071960" sldId="2147374228"/>
            <ac:spMk id="49" creationId="{51D79C37-C30B-8D02-D018-B7FF59E242F4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0" creationId="{44DDF387-5E8A-F831-153C-55F41C4B7E10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1" creationId="{1FB9E2E4-087F-5221-41C9-312D5A46735E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2" creationId="{05D051B5-F860-8A37-B091-EF16827ED80D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3" creationId="{7EB5164B-1012-F637-DA0E-D9A63F3CE882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57" creationId="{2838C516-4828-39C9-915C-9DBC5E411A5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8" creationId="{BF0CAE12-DC84-1FCC-3070-C41FE513F409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59" creationId="{77C58382-FF69-4FEF-DA0C-3DA615B4F0C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0" creationId="{48ED903F-99B0-3E65-7FC9-D5A2E7D01D48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1" creationId="{3B131151-5863-F937-083A-8D57A7124395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4" creationId="{B2521085-551E-DF59-AAF9-CF8EF666AABD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5" creationId="{AD569F3E-EFE6-D5F5-47C3-7C7F3CA7E183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66" creationId="{29C89850-2041-50F9-C855-838DB7245B3E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8" creationId="{038F704C-6C5A-50D1-C4BD-8D72AEAE4B8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73" creationId="{9C081072-E9FF-1210-9556-A38788021A81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7" creationId="{5919DF0D-D2BD-4510-1C93-E4A865144DCB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79" creationId="{23C8E0F9-6CDF-6D1A-007F-D31AC4EC58FC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80" creationId="{84CF6F40-BDA2-FA33-1261-202D9A8A1662}"/>
          </ac:spMkLst>
        </pc:spChg>
        <pc:spChg chg="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81" creationId="{5FE0B151-4606-9768-1207-3C818306E70F}"/>
          </ac:spMkLst>
        </pc:spChg>
        <pc:spChg chg="mod">
          <ac:chgData name="Sorour Falahati" userId="8955ae62-45ff-43c9-8c3d-6aad30f36d67" providerId="ADAL" clId="{73CCA808-DD04-4801-BA94-88849201A961}" dt="2023-05-23T18:03:11.365" v="12262" actId="20577"/>
          <ac:spMkLst>
            <pc:docMk/>
            <pc:sldMk cId="2253071960" sldId="2147374228"/>
            <ac:spMk id="83" creationId="{55FD169E-3451-40D5-4283-60084241B42F}"/>
          </ac:spMkLst>
        </pc:spChg>
        <pc:spChg chg="del">
          <ac:chgData name="Sorour Falahati" userId="8955ae62-45ff-43c9-8c3d-6aad30f36d67" providerId="ADAL" clId="{73CCA808-DD04-4801-BA94-88849201A961}" dt="2023-05-23T17:16:09.494" v="9685" actId="478"/>
          <ac:spMkLst>
            <pc:docMk/>
            <pc:sldMk cId="2253071960" sldId="2147374228"/>
            <ac:spMk id="84" creationId="{43A989E1-2A0A-6253-8FA3-4E8822C2D37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5" creationId="{C5740C12-2FAE-D02E-CD69-CCF7D67ADD4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6" creationId="{898B2F2C-7AE2-45B6-C396-557D1FBBFAC9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7" creationId="{90C70208-012B-3BBF-FC8D-637AD3CBFD5A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8" creationId="{DF054588-B51A-B319-D9AB-73C49A5BDE88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89" creationId="{F7E9A1CE-5F2A-8A57-9B98-8A0640055007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0" creationId="{8AB5F900-909D-FE5A-1FFD-ED3656FF8672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1" creationId="{83FAE1B9-046F-2D78-A01F-F66B95489FE3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2" creationId="{774A8E82-BB44-E58C-BBDF-B88E91F79020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3" creationId="{04ECE5A2-30C7-C32B-7F26-2F60D2F537A7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4" creationId="{78A1F154-CDC3-D520-BBB2-1D79CBBA0D2E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5" creationId="{D05CB9EB-BD93-2615-6CC7-306295DCB0A4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6" creationId="{FA5EED35-EB2E-294D-0282-E22040C3E5F9}"/>
          </ac:spMkLst>
        </pc:spChg>
        <pc:spChg chg="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97" creationId="{F1AD4BE0-B1CF-A19D-C79B-5758277A5E24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5" creationId="{FC1982DF-5B0F-AD97-72A9-8E1316673363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6" creationId="{F970DFE3-3668-2068-6CDF-AC3B8F39B129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7" creationId="{06763BB7-93B1-E9D7-3D54-D3B1E2C3345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8" creationId="{64909705-2566-687D-6CE8-BFE0EF011CD2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09" creationId="{4F21AD52-CB92-82D5-FA46-E4DB03B17C6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0" creationId="{B116C5B9-31E8-47B8-233E-11145A5A3C70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4" creationId="{B7E7FC29-A528-DDCE-6801-2624FFB9D12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5" creationId="{B7CE84B6-CB43-B32A-2A31-06C9C7E57424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6" creationId="{2A7E669F-B918-1AE3-5606-91029E50426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7" creationId="{C2E387C4-5E1D-830E-6094-4072B2EA49FB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8" creationId="{77C78770-2B66-96DB-0B09-4C5A1D3C6BEB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19" creationId="{83D80854-0A48-36CA-3300-17586106C0D0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0" creationId="{5BBE34D8-B78D-9D70-BF1B-5DE735B4D417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1" creationId="{56B6D9AF-A8AF-20ED-B613-5984162EA30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2" creationId="{744712AA-0598-CB3E-320F-9AA00FD0D4A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3" creationId="{948F2EF3-9BA6-019A-B467-CE858DBABC1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4" creationId="{3426A099-08FC-CE5F-FE14-B1D94F47FA2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5" creationId="{BFAFCEFF-6F59-0E42-ED0B-E03D2D78B5F5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6" creationId="{D89F91AE-3044-4F7E-524A-10E24C8EF90E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7" creationId="{33D0FD11-A260-3532-960C-89E53AFCAF5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8" creationId="{AA8A3674-96F2-88EB-E340-4A6E57ECE2D1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29" creationId="{B9245602-DC34-8423-454D-397C5F40391C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30" creationId="{F7B3D935-F579-62FE-D406-306CDB6EC70A}"/>
          </ac:spMkLst>
        </pc:spChg>
        <pc:spChg chg="mod">
          <ac:chgData name="Sorour Falahati" userId="8955ae62-45ff-43c9-8c3d-6aad30f36d67" providerId="ADAL" clId="{73CCA808-DD04-4801-BA94-88849201A961}" dt="2023-05-23T17:19:49.976" v="9809" actId="571"/>
          <ac:spMkLst>
            <pc:docMk/>
            <pc:sldMk cId="2253071960" sldId="2147374228"/>
            <ac:spMk id="131" creationId="{24FBE4EA-5063-0E03-A0F7-640907AA0D66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39" creationId="{94029CEA-CC54-1F17-BFE4-A7907F2133BE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0" creationId="{BF7AA8C0-2518-F771-9D07-4D3A53E13576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1" creationId="{1FA31EB4-E408-1A1D-DB16-0125BE3D74D7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2" creationId="{4806A48F-81D0-7750-4789-8E523C499B89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3" creationId="{8C246D2C-0D0A-81C2-12A0-197BC9C7D48F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4" creationId="{24A3954C-9854-A609-52BB-B948B9B71148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5" creationId="{7FE5F0D9-BEB6-6D41-C25F-B2743C05C2C1}"/>
          </ac:spMkLst>
        </pc:spChg>
        <pc:spChg chg="add mod">
          <ac:chgData name="Sorour Falahati" userId="8955ae62-45ff-43c9-8c3d-6aad30f36d67" providerId="ADAL" clId="{73CCA808-DD04-4801-BA94-88849201A961}" dt="2023-05-23T18:01:23.753" v="12214" actId="404"/>
          <ac:spMkLst>
            <pc:docMk/>
            <pc:sldMk cId="2253071960" sldId="2147374228"/>
            <ac:spMk id="146" creationId="{D9591941-DD0C-94CB-EB5A-2A75332F3F21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47" creationId="{504F80AE-D634-AD5D-0DCE-23C1055E1AEE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48" creationId="{14521F3F-3097-4F5F-A018-127B66670D23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0" creationId="{B626EFC4-1451-116B-343A-0A14C5A9CDA4}"/>
          </ac:spMkLst>
        </pc:spChg>
        <pc:spChg chg="add del mod">
          <ac:chgData name="Sorour Falahati" userId="8955ae62-45ff-43c9-8c3d-6aad30f36d67" providerId="ADAL" clId="{73CCA808-DD04-4801-BA94-88849201A961}" dt="2023-05-23T17:26:16.369" v="10300"/>
          <ac:spMkLst>
            <pc:docMk/>
            <pc:sldMk cId="2253071960" sldId="2147374228"/>
            <ac:spMk id="151" creationId="{79EFB104-A6F3-A943-112B-C98B530DE005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2" creationId="{8FC4D3FC-6780-1545-8209-8BF665448758}"/>
          </ac:spMkLst>
        </pc:spChg>
        <pc:spChg chg="add del mod">
          <ac:chgData name="Sorour Falahati" userId="8955ae62-45ff-43c9-8c3d-6aad30f36d67" providerId="ADAL" clId="{73CCA808-DD04-4801-BA94-88849201A961}" dt="2023-05-23T17:27:10.626" v="10332" actId="478"/>
          <ac:spMkLst>
            <pc:docMk/>
            <pc:sldMk cId="2253071960" sldId="2147374228"/>
            <ac:spMk id="153" creationId="{7D5CC410-E8CC-E91F-0F48-AD9186324068}"/>
          </ac:spMkLst>
        </pc:spChg>
        <pc:spChg chg="add mod">
          <ac:chgData name="Sorour Falahati" userId="8955ae62-45ff-43c9-8c3d-6aad30f36d67" providerId="ADAL" clId="{73CCA808-DD04-4801-BA94-88849201A961}" dt="2023-05-23T18:01:21.027" v="12207" actId="404"/>
          <ac:spMkLst>
            <pc:docMk/>
            <pc:sldMk cId="2253071960" sldId="2147374228"/>
            <ac:spMk id="154" creationId="{0A47A947-992F-70F4-0618-19C2CC3AF9CD}"/>
          </ac:spMkLst>
        </pc:spChg>
        <pc:spChg chg="add mod">
          <ac:chgData name="Sorour Falahati" userId="8955ae62-45ff-43c9-8c3d-6aad30f36d67" providerId="ADAL" clId="{73CCA808-DD04-4801-BA94-88849201A961}" dt="2023-05-23T18:09:54.909" v="12444" actId="20577"/>
          <ac:spMkLst>
            <pc:docMk/>
            <pc:sldMk cId="2253071960" sldId="2147374228"/>
            <ac:spMk id="157" creationId="{253D96B3-C0EC-41EC-AA0E-007C9EBFBC09}"/>
          </ac:spMkLst>
        </pc:spChg>
        <pc:spChg chg="add mod">
          <ac:chgData name="Sorour Falahati" userId="8955ae62-45ff-43c9-8c3d-6aad30f36d67" providerId="ADAL" clId="{73CCA808-DD04-4801-BA94-88849201A961}" dt="2023-05-23T18:10:16.127" v="12447" actId="20577"/>
          <ac:spMkLst>
            <pc:docMk/>
            <pc:sldMk cId="2253071960" sldId="2147374228"/>
            <ac:spMk id="158" creationId="{F55F717C-6119-EFE4-EB58-36F1B95630AF}"/>
          </ac:spMkLst>
        </pc:spChg>
        <pc:grpChg chg="add del mod">
          <ac:chgData name="Sorour Falahati" userId="8955ae62-45ff-43c9-8c3d-6aad30f36d67" providerId="ADAL" clId="{73CCA808-DD04-4801-BA94-88849201A961}" dt="2023-05-23T17:16:33.991" v="9688" actId="165"/>
          <ac:grpSpMkLst>
            <pc:docMk/>
            <pc:sldMk cId="2253071960" sldId="2147374228"/>
            <ac:grpSpMk id="36" creationId="{7A8216F5-6D79-A28E-9AE4-C1F94B066347}"/>
          </ac:grpSpMkLst>
        </pc:grpChg>
        <pc:grpChg chg="add mod">
          <ac:chgData name="Sorour Falahati" userId="8955ae62-45ff-43c9-8c3d-6aad30f36d67" providerId="ADAL" clId="{73CCA808-DD04-4801-BA94-88849201A961}" dt="2023-05-23T17:27:35.183" v="10338" actId="164"/>
          <ac:grpSpMkLst>
            <pc:docMk/>
            <pc:sldMk cId="2253071960" sldId="2147374228"/>
            <ac:grpSpMk id="37" creationId="{2A56FA24-0688-5FA8-893A-525BC4FEC287}"/>
          </ac:grpSpMkLst>
        </pc:grpChg>
        <pc:grpChg chg="add mod">
          <ac:chgData name="Sorour Falahati" userId="8955ae62-45ff-43c9-8c3d-6aad30f36d67" providerId="ADAL" clId="{73CCA808-DD04-4801-BA94-88849201A961}" dt="2023-05-23T17:28:38.148" v="10351" actId="164"/>
          <ac:grpSpMkLst>
            <pc:docMk/>
            <pc:sldMk cId="2253071960" sldId="2147374228"/>
            <ac:grpSpMk id="38" creationId="{C4E98967-DFDA-0F94-1BB6-81A9C9807CD0}"/>
          </ac:grpSpMkLst>
        </pc:grpChg>
        <pc:grpChg chg="mod">
          <ac:chgData name="Sorour Falahati" userId="8955ae62-45ff-43c9-8c3d-6aad30f36d67" providerId="ADAL" clId="{73CCA808-DD04-4801-BA94-88849201A961}" dt="2023-05-23T17:28:34.843" v="10350" actId="164"/>
          <ac:grpSpMkLst>
            <pc:docMk/>
            <pc:sldMk cId="2253071960" sldId="2147374228"/>
            <ac:grpSpMk id="39" creationId="{5085218F-2753-D734-51F6-34934E12B9AA}"/>
          </ac:grpSpMkLst>
        </pc:grpChg>
        <pc:grpChg chg="mod">
          <ac:chgData name="Sorour Falahati" userId="8955ae62-45ff-43c9-8c3d-6aad30f36d67" providerId="ADAL" clId="{73CCA808-DD04-4801-BA94-88849201A961}" dt="2023-05-23T17:28:34.843" v="10350" actId="164"/>
          <ac:grpSpMkLst>
            <pc:docMk/>
            <pc:sldMk cId="2253071960" sldId="2147374228"/>
            <ac:grpSpMk id="56" creationId="{93118DC5-F89D-409E-9B9D-1D3E0647A4A0}"/>
          </ac:grpSpMkLst>
        </pc:grpChg>
        <pc:grpChg chg="mod">
          <ac:chgData name="Sorour Falahati" userId="8955ae62-45ff-43c9-8c3d-6aad30f36d67" providerId="ADAL" clId="{73CCA808-DD04-4801-BA94-88849201A961}" dt="2023-05-23T17:16:33.991" v="9688" actId="165"/>
          <ac:grpSpMkLst>
            <pc:docMk/>
            <pc:sldMk cId="2253071960" sldId="2147374228"/>
            <ac:grpSpMk id="78" creationId="{84124995-3C4E-BFF1-06C4-2479E90125FB}"/>
          </ac:grpSpMkLst>
        </pc:grpChg>
        <pc:grpChg chg="mod topLvl">
          <ac:chgData name="Sorour Falahati" userId="8955ae62-45ff-43c9-8c3d-6aad30f36d67" providerId="ADAL" clId="{73CCA808-DD04-4801-BA94-88849201A961}" dt="2023-05-23T17:16:41.016" v="9689" actId="164"/>
          <ac:grpSpMkLst>
            <pc:docMk/>
            <pc:sldMk cId="2253071960" sldId="2147374228"/>
            <ac:grpSpMk id="82" creationId="{97D86CFB-D9CA-77CB-57DF-AC2CE80C88E3}"/>
          </ac:grpSpMkLst>
        </pc:grpChg>
        <pc:grpChg chg="add 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03" creationId="{DB20C84B-D3CC-4744-0C91-21B2156E02D0}"/>
          </ac:grpSpMkLst>
        </pc:grpChg>
        <pc:grpChg chg="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04" creationId="{D6D34C40-F35F-3203-2D14-645B9BE052A2}"/>
          </ac:grpSpMkLst>
        </pc:grpChg>
        <pc:grpChg chg="mod">
          <ac:chgData name="Sorour Falahati" userId="8955ae62-45ff-43c9-8c3d-6aad30f36d67" providerId="ADAL" clId="{73CCA808-DD04-4801-BA94-88849201A961}" dt="2023-05-23T17:19:49.976" v="9809" actId="571"/>
          <ac:grpSpMkLst>
            <pc:docMk/>
            <pc:sldMk cId="2253071960" sldId="2147374228"/>
            <ac:grpSpMk id="113" creationId="{1450C76A-B184-2785-7E76-83DFE6AEA877}"/>
          </ac:grpSpMkLst>
        </pc:grpChg>
        <pc:grpChg chg="add mod">
          <ac:chgData name="Sorour Falahati" userId="8955ae62-45ff-43c9-8c3d-6aad30f36d67" providerId="ADAL" clId="{73CCA808-DD04-4801-BA94-88849201A961}" dt="2023-05-23T18:01:22.628" v="12213" actId="1076"/>
          <ac:grpSpMkLst>
            <pc:docMk/>
            <pc:sldMk cId="2253071960" sldId="2147374228"/>
            <ac:grpSpMk id="155" creationId="{4B3E8F00-6603-67B5-D2BA-74191D655F76}"/>
          </ac:grpSpMkLst>
        </pc:grpChg>
        <pc:grpChg chg="add mod">
          <ac:chgData name="Sorour Falahati" userId="8955ae62-45ff-43c9-8c3d-6aad30f36d67" providerId="ADAL" clId="{73CCA808-DD04-4801-BA94-88849201A961}" dt="2023-05-23T18:01:24.669" v="12216" actId="14100"/>
          <ac:grpSpMkLst>
            <pc:docMk/>
            <pc:sldMk cId="2253071960" sldId="2147374228"/>
            <ac:grpSpMk id="156" creationId="{64119125-E701-A05D-C56D-E03033504A79}"/>
          </ac:grpSpMkLst>
        </pc:grpChg>
        <pc:cxnChg chg="del mod">
          <ac:chgData name="Sorour Falahati" userId="8955ae62-45ff-43c9-8c3d-6aad30f36d67" providerId="ADAL" clId="{73CCA808-DD04-4801-BA94-88849201A961}" dt="2023-05-23T17:11:16.194" v="9253" actId="478"/>
          <ac:cxnSpMkLst>
            <pc:docMk/>
            <pc:sldMk cId="2253071960" sldId="2147374228"/>
            <ac:cxnSpMk id="9" creationId="{BB7AC808-E6B8-A779-6DF8-BB245BE69D97}"/>
          </ac:cxnSpMkLst>
        </pc:cxnChg>
        <pc:cxnChg chg="add mod topLvl">
          <ac:chgData name="Sorour Falahati" userId="8955ae62-45ff-43c9-8c3d-6aad30f36d67" providerId="ADAL" clId="{73CCA808-DD04-4801-BA94-88849201A961}" dt="2023-05-23T17:18:38.152" v="9792" actId="14100"/>
          <ac:cxnSpMkLst>
            <pc:docMk/>
            <pc:sldMk cId="2253071960" sldId="2147374228"/>
            <ac:cxnSpMk id="10" creationId="{174ADD6D-15B8-B4D1-6C75-ABCB59AB4D00}"/>
          </ac:cxnSpMkLst>
        </pc:cxnChg>
        <pc:cxnChg chg="del mod">
          <ac:chgData name="Sorour Falahati" userId="8955ae62-45ff-43c9-8c3d-6aad30f36d67" providerId="ADAL" clId="{73CCA808-DD04-4801-BA94-88849201A961}" dt="2023-05-23T17:12:40.229" v="9303" actId="478"/>
          <ac:cxnSpMkLst>
            <pc:docMk/>
            <pc:sldMk cId="2253071960" sldId="2147374228"/>
            <ac:cxnSpMk id="12" creationId="{C1A4A244-1FC4-3BC8-C267-DE18CD782E5C}"/>
          </ac:cxnSpMkLst>
        </pc:cxnChg>
        <pc:cxnChg chg="add mod topLvl">
          <ac:chgData name="Sorour Falahati" userId="8955ae62-45ff-43c9-8c3d-6aad30f36d67" providerId="ADAL" clId="{73CCA808-DD04-4801-BA94-88849201A961}" dt="2023-05-23T17:18:34.163" v="9791" actId="14100"/>
          <ac:cxnSpMkLst>
            <pc:docMk/>
            <pc:sldMk cId="2253071960" sldId="2147374228"/>
            <ac:cxnSpMk id="14" creationId="{476ED813-E778-A466-7C5A-1C6255EA637F}"/>
          </ac:cxnSpMkLst>
        </pc:cxnChg>
        <pc:cxnChg chg="del mod">
          <ac:chgData name="Sorour Falahati" userId="8955ae62-45ff-43c9-8c3d-6aad30f36d67" providerId="ADAL" clId="{73CCA808-DD04-4801-BA94-88849201A961}" dt="2023-05-23T17:12:54.145" v="9306" actId="478"/>
          <ac:cxnSpMkLst>
            <pc:docMk/>
            <pc:sldMk cId="2253071960" sldId="2147374228"/>
            <ac:cxnSpMk id="15" creationId="{82824601-C63D-A917-E249-C3E3430B407A}"/>
          </ac:cxnSpMkLst>
        </pc:cxnChg>
        <pc:cxnChg chg="add mod topLvl">
          <ac:chgData name="Sorour Falahati" userId="8955ae62-45ff-43c9-8c3d-6aad30f36d67" providerId="ADAL" clId="{73CCA808-DD04-4801-BA94-88849201A961}" dt="2023-05-23T17:25:41.095" v="10290" actId="14100"/>
          <ac:cxnSpMkLst>
            <pc:docMk/>
            <pc:sldMk cId="2253071960" sldId="2147374228"/>
            <ac:cxnSpMk id="18" creationId="{453D1EDE-DC37-97FE-4F41-BF1D157E58F0}"/>
          </ac:cxnSpMkLst>
        </pc:cxnChg>
        <pc:cxnChg chg="del mod">
          <ac:chgData name="Sorour Falahati" userId="8955ae62-45ff-43c9-8c3d-6aad30f36d67" providerId="ADAL" clId="{73CCA808-DD04-4801-BA94-88849201A961}" dt="2023-05-23T17:13:37.036" v="9321" actId="478"/>
          <ac:cxnSpMkLst>
            <pc:docMk/>
            <pc:sldMk cId="2253071960" sldId="2147374228"/>
            <ac:cxnSpMk id="22" creationId="{D4F97974-4FD4-D360-5986-D432480B6E73}"/>
          </ac:cxnSpMkLst>
        </pc:cxnChg>
        <pc:cxnChg chg="add mod topLvl">
          <ac:chgData name="Sorour Falahati" userId="8955ae62-45ff-43c9-8c3d-6aad30f36d67" providerId="ADAL" clId="{73CCA808-DD04-4801-BA94-88849201A961}" dt="2023-05-23T17:16:41.016" v="9689" actId="164"/>
          <ac:cxnSpMkLst>
            <pc:docMk/>
            <pc:sldMk cId="2253071960" sldId="2147374228"/>
            <ac:cxnSpMk id="23" creationId="{56A80736-FA1B-8889-BF5E-F4CF58520FA4}"/>
          </ac:cxnSpMkLst>
        </pc:cxnChg>
        <pc:cxnChg chg="mod">
          <ac:chgData name="Sorour Falahati" userId="8955ae62-45ff-43c9-8c3d-6aad30f36d67" providerId="ADAL" clId="{73CCA808-DD04-4801-BA94-88849201A961}" dt="2023-05-23T17:16:33.991" v="9688" actId="165"/>
          <ac:cxnSpMkLst>
            <pc:docMk/>
            <pc:sldMk cId="2253071960" sldId="2147374228"/>
            <ac:cxnSpMk id="33" creationId="{1BC36E23-DDB4-9418-69A1-E595129C45E4}"/>
          </ac:cxnSpMkLst>
        </pc:cxnChg>
        <pc:cxnChg chg="del mod">
          <ac:chgData name="Sorour Falahati" userId="8955ae62-45ff-43c9-8c3d-6aad30f36d67" providerId="ADAL" clId="{73CCA808-DD04-4801-BA94-88849201A961}" dt="2023-05-23T17:18:19.038" v="9790" actId="478"/>
          <ac:cxnSpMkLst>
            <pc:docMk/>
            <pc:sldMk cId="2253071960" sldId="2147374228"/>
            <ac:cxnSpMk id="43" creationId="{7525E49A-2681-4449-FB75-1290430A5DCB}"/>
          </ac:cxnSpMkLst>
        </pc:cxnChg>
        <pc:cxnChg chg="del mod">
          <ac:chgData name="Sorour Falahati" userId="8955ae62-45ff-43c9-8c3d-6aad30f36d67" providerId="ADAL" clId="{73CCA808-DD04-4801-BA94-88849201A961}" dt="2023-05-23T17:18:14.792" v="9788" actId="478"/>
          <ac:cxnSpMkLst>
            <pc:docMk/>
            <pc:sldMk cId="2253071960" sldId="2147374228"/>
            <ac:cxnSpMk id="44" creationId="{3A63D532-8BB5-7CD1-79D3-474DC666B416}"/>
          </ac:cxnSpMkLst>
        </pc:cxnChg>
        <pc:cxnChg chg="del mod">
          <ac:chgData name="Sorour Falahati" userId="8955ae62-45ff-43c9-8c3d-6aad30f36d67" providerId="ADAL" clId="{73CCA808-DD04-4801-BA94-88849201A961}" dt="2023-05-23T17:18:06.837" v="9785" actId="478"/>
          <ac:cxnSpMkLst>
            <pc:docMk/>
            <pc:sldMk cId="2253071960" sldId="2147374228"/>
            <ac:cxnSpMk id="46" creationId="{E1779E18-B942-12F4-DD29-B0AF95414014}"/>
          </ac:cxnSpMkLst>
        </pc:cxnChg>
        <pc:cxnChg chg="del mod">
          <ac:chgData name="Sorour Falahati" userId="8955ae62-45ff-43c9-8c3d-6aad30f36d67" providerId="ADAL" clId="{73CCA808-DD04-4801-BA94-88849201A961}" dt="2023-05-23T17:18:01.793" v="9783" actId="478"/>
          <ac:cxnSpMkLst>
            <pc:docMk/>
            <pc:sldMk cId="2253071960" sldId="2147374228"/>
            <ac:cxnSpMk id="48" creationId="{D2DBB5B0-1E9F-5DA5-7C96-790939CA1D10}"/>
          </ac:cxnSpMkLst>
        </pc:cxnChg>
        <pc:cxnChg chg="mod">
          <ac:chgData name="Sorour Falahati" userId="8955ae62-45ff-43c9-8c3d-6aad30f36d67" providerId="ADAL" clId="{73CCA808-DD04-4801-BA94-88849201A961}" dt="2023-05-23T17:28:34.843" v="10350" actId="164"/>
          <ac:cxnSpMkLst>
            <pc:docMk/>
            <pc:sldMk cId="2253071960" sldId="2147374228"/>
            <ac:cxnSpMk id="54" creationId="{8B51A41C-6588-A05E-7A29-6C8B9B2E9EAB}"/>
          </ac:cxnSpMkLst>
        </pc:cxnChg>
        <pc:cxnChg chg="mod">
          <ac:chgData name="Sorour Falahati" userId="8955ae62-45ff-43c9-8c3d-6aad30f36d67" providerId="ADAL" clId="{73CCA808-DD04-4801-BA94-88849201A961}" dt="2023-05-23T17:28:34.843" v="10350" actId="164"/>
          <ac:cxnSpMkLst>
            <pc:docMk/>
            <pc:sldMk cId="2253071960" sldId="2147374228"/>
            <ac:cxnSpMk id="55" creationId="{15EA4441-ED44-FA3D-4741-DD0F458B860B}"/>
          </ac:cxnSpMkLst>
        </pc:cxnChg>
        <pc:cxnChg chg="mod">
          <ac:chgData name="Sorour Falahati" userId="8955ae62-45ff-43c9-8c3d-6aad30f36d67" providerId="ADAL" clId="{73CCA808-DD04-4801-BA94-88849201A961}" dt="2023-05-23T17:16:33.991" v="9688" actId="165"/>
          <ac:cxnSpMkLst>
            <pc:docMk/>
            <pc:sldMk cId="2253071960" sldId="2147374228"/>
            <ac:cxnSpMk id="74" creationId="{AD1BB98C-F0E3-82C8-1E66-38F7FE385CCA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01" creationId="{23A29BC9-A9F9-8CFE-197A-28514691923B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02" creationId="{C3042B2B-9DE5-4D0C-8A02-8A67215E9E08}"/>
          </ac:cxnSpMkLst>
        </pc:cxnChg>
        <pc:cxnChg chg="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11" creationId="{87C38749-CE76-329C-701A-7C7A10F64325}"/>
          </ac:cxnSpMkLst>
        </pc:cxnChg>
        <pc:cxnChg chg="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12" creationId="{88245178-A678-7C26-CE27-CD8C5CDD1D05}"/>
          </ac:cxnSpMkLst>
        </pc:cxnChg>
        <pc:cxnChg chg="add mod">
          <ac:chgData name="Sorour Falahati" userId="8955ae62-45ff-43c9-8c3d-6aad30f36d67" providerId="ADAL" clId="{73CCA808-DD04-4801-BA94-88849201A961}" dt="2023-05-23T17:19:49.976" v="9809" actId="571"/>
          <ac:cxnSpMkLst>
            <pc:docMk/>
            <pc:sldMk cId="2253071960" sldId="2147374228"/>
            <ac:cxnSpMk id="132" creationId="{D0B81D49-545F-D251-268D-58808D06C62C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3" creationId="{C5483F73-470C-9C53-D093-370424E16F9F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4" creationId="{B3983D03-FDAD-445F-6B6B-E25A0A23E255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5" creationId="{DDB54806-B801-54DF-EF60-632808702663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6" creationId="{20E72D8A-F546-7171-B860-601498024272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7" creationId="{230BF36A-3D7B-B215-F222-30E2AF588B13}"/>
          </ac:cxnSpMkLst>
        </pc:cxnChg>
        <pc:cxnChg chg="add mod">
          <ac:chgData name="Sorour Falahati" userId="8955ae62-45ff-43c9-8c3d-6aad30f36d67" providerId="ADAL" clId="{73CCA808-DD04-4801-BA94-88849201A961}" dt="2023-05-23T17:28:38.148" v="10351" actId="164"/>
          <ac:cxnSpMkLst>
            <pc:docMk/>
            <pc:sldMk cId="2253071960" sldId="2147374228"/>
            <ac:cxnSpMk id="138" creationId="{6FAE970C-9411-8843-BA86-50F9BD5B2479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01:28.467" v="12218" actId="2696"/>
        <pc:sldMkLst>
          <pc:docMk/>
          <pc:sldMk cId="2362563532" sldId="2147374229"/>
        </pc:sldMkLst>
        <pc:spChg chg="del">
          <ac:chgData name="Sorour Falahati" userId="8955ae62-45ff-43c9-8c3d-6aad30f36d67" providerId="ADAL" clId="{73CCA808-DD04-4801-BA94-88849201A961}" dt="2023-05-23T17:29:53.917" v="10379" actId="478"/>
          <ac:spMkLst>
            <pc:docMk/>
            <pc:sldMk cId="2362563532" sldId="2147374229"/>
            <ac:spMk id="5" creationId="{6E1DEB76-F8DA-16BD-252D-78377871D17E}"/>
          </ac:spMkLst>
        </pc:spChg>
        <pc:spChg chg="del">
          <ac:chgData name="Sorour Falahati" userId="8955ae62-45ff-43c9-8c3d-6aad30f36d67" providerId="ADAL" clId="{73CCA808-DD04-4801-BA94-88849201A961}" dt="2023-05-23T17:30:57.915" v="10389" actId="478"/>
          <ac:spMkLst>
            <pc:docMk/>
            <pc:sldMk cId="2362563532" sldId="2147374229"/>
            <ac:spMk id="6" creationId="{9263672A-7FB9-6061-C3DC-99B6CF0D97BF}"/>
          </ac:spMkLst>
        </pc:spChg>
        <pc:spChg chg="del mod">
          <ac:chgData name="Sorour Falahati" userId="8955ae62-45ff-43c9-8c3d-6aad30f36d67" providerId="ADAL" clId="{73CCA808-DD04-4801-BA94-88849201A961}" dt="2023-05-23T17:43:53.015" v="11283" actId="478"/>
          <ac:spMkLst>
            <pc:docMk/>
            <pc:sldMk cId="2362563532" sldId="2147374229"/>
            <ac:spMk id="7" creationId="{FD668A73-05AC-7956-4AAA-6B75EA591EF4}"/>
          </ac:spMkLst>
        </pc:spChg>
        <pc:spChg chg="add del mod">
          <ac:chgData name="Sorour Falahati" userId="8955ae62-45ff-43c9-8c3d-6aad30f36d67" providerId="ADAL" clId="{73CCA808-DD04-4801-BA94-88849201A961}" dt="2023-05-23T17:43:46.802" v="11282" actId="478"/>
          <ac:spMkLst>
            <pc:docMk/>
            <pc:sldMk cId="2362563532" sldId="2147374229"/>
            <ac:spMk id="9" creationId="{F4D32B08-4810-B619-B2BD-685AC7C4E381}"/>
          </ac:spMkLst>
        </pc:spChg>
        <pc:spChg chg="del">
          <ac:chgData name="Sorour Falahati" userId="8955ae62-45ff-43c9-8c3d-6aad30f36d67" providerId="ADAL" clId="{73CCA808-DD04-4801-BA94-88849201A961}" dt="2023-05-23T17:30:56.010" v="10388" actId="478"/>
          <ac:spMkLst>
            <pc:docMk/>
            <pc:sldMk cId="2362563532" sldId="2147374229"/>
            <ac:spMk id="16" creationId="{D9E0AEC2-B476-C3C0-F9E7-2BA2B0131EE7}"/>
          </ac:spMkLst>
        </pc:spChg>
        <pc:spChg chg="del">
          <ac:chgData name="Sorour Falahati" userId="8955ae62-45ff-43c9-8c3d-6aad30f36d67" providerId="ADAL" clId="{73CCA808-DD04-4801-BA94-88849201A961}" dt="2023-05-23T17:31:08.199" v="10393" actId="478"/>
          <ac:spMkLst>
            <pc:docMk/>
            <pc:sldMk cId="2362563532" sldId="2147374229"/>
            <ac:spMk id="20" creationId="{D02C1B39-00F8-6FCD-50ED-97DD4D59D949}"/>
          </ac:spMkLst>
        </pc:spChg>
        <pc:spChg chg="del">
          <ac:chgData name="Sorour Falahati" userId="8955ae62-45ff-43c9-8c3d-6aad30f36d67" providerId="ADAL" clId="{73CCA808-DD04-4801-BA94-88849201A961}" dt="2023-05-23T17:33:26.618" v="10461" actId="478"/>
          <ac:spMkLst>
            <pc:docMk/>
            <pc:sldMk cId="2362563532" sldId="2147374229"/>
            <ac:spMk id="24" creationId="{933D6A82-DFF0-465C-5A7E-BF19B06DE5BE}"/>
          </ac:spMkLst>
        </pc:spChg>
        <pc:spChg chg="del">
          <ac:chgData name="Sorour Falahati" userId="8955ae62-45ff-43c9-8c3d-6aad30f36d67" providerId="ADAL" clId="{73CCA808-DD04-4801-BA94-88849201A961}" dt="2023-05-23T17:33:24.627" v="10460" actId="478"/>
          <ac:spMkLst>
            <pc:docMk/>
            <pc:sldMk cId="2362563532" sldId="2147374229"/>
            <ac:spMk id="25" creationId="{D5AB3590-16B3-E9B2-9C66-EAC331A2A643}"/>
          </ac:spMkLst>
        </pc:spChg>
        <pc:spChg chg="del">
          <ac:chgData name="Sorour Falahati" userId="8955ae62-45ff-43c9-8c3d-6aad30f36d67" providerId="ADAL" clId="{73CCA808-DD04-4801-BA94-88849201A961}" dt="2023-05-23T17:33:29.274" v="10462" actId="478"/>
          <ac:spMkLst>
            <pc:docMk/>
            <pc:sldMk cId="2362563532" sldId="2147374229"/>
            <ac:spMk id="26" creationId="{CEC6EF47-1F40-9D65-8C74-DAAD65DABF95}"/>
          </ac:spMkLst>
        </pc:spChg>
        <pc:spChg chg="del">
          <ac:chgData name="Sorour Falahati" userId="8955ae62-45ff-43c9-8c3d-6aad30f36d67" providerId="ADAL" clId="{73CCA808-DD04-4801-BA94-88849201A961}" dt="2023-05-23T17:37:30.778" v="10780" actId="478"/>
          <ac:spMkLst>
            <pc:docMk/>
            <pc:sldMk cId="2362563532" sldId="2147374229"/>
            <ac:spMk id="27" creationId="{BC71CE66-DA31-3CF3-FE25-D4CAC62344BE}"/>
          </ac:spMkLst>
        </pc:spChg>
        <pc:spChg chg="mod">
          <ac:chgData name="Sorour Falahati" userId="8955ae62-45ff-43c9-8c3d-6aad30f36d67" providerId="ADAL" clId="{73CCA808-DD04-4801-BA94-88849201A961}" dt="2023-05-23T17:38:42.544" v="10942" actId="1036"/>
          <ac:spMkLst>
            <pc:docMk/>
            <pc:sldMk cId="2362563532" sldId="2147374229"/>
            <ac:spMk id="28" creationId="{CC63A626-8110-6EF3-B3C3-053521543600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29" creationId="{2AE972EC-8B65-2C54-6EAF-1D85D2570F16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0" creationId="{39A90AB4-0391-DB8D-A8E4-E81532D6595D}"/>
          </ac:spMkLst>
        </pc:spChg>
        <pc:spChg chg="add del mod">
          <ac:chgData name="Sorour Falahati" userId="8955ae62-45ff-43c9-8c3d-6aad30f36d67" providerId="ADAL" clId="{73CCA808-DD04-4801-BA94-88849201A961}" dt="2023-05-23T17:38:12.665" v="10823" actId="478"/>
          <ac:spMkLst>
            <pc:docMk/>
            <pc:sldMk cId="2362563532" sldId="2147374229"/>
            <ac:spMk id="31" creationId="{BC444FB3-A9E1-90DF-1DED-7F8F43870D84}"/>
          </ac:spMkLst>
        </pc:spChg>
        <pc:spChg chg="add mod">
          <ac:chgData name="Sorour Falahati" userId="8955ae62-45ff-43c9-8c3d-6aad30f36d67" providerId="ADAL" clId="{73CCA808-DD04-4801-BA94-88849201A961}" dt="2023-05-23T17:54:19.383" v="11849" actId="1038"/>
          <ac:spMkLst>
            <pc:docMk/>
            <pc:sldMk cId="2362563532" sldId="2147374229"/>
            <ac:spMk id="32" creationId="{58AA5412-8EC0-95F6-BDFB-484D15C5FC7C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4" creationId="{27B08F3F-1A67-8BFA-9B5B-296CB7ED58A3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35" creationId="{07133D85-3D5D-066D-00D7-F937EA69C02D}"/>
          </ac:spMkLst>
        </pc:spChg>
        <pc:spChg chg="add del">
          <ac:chgData name="Sorour Falahati" userId="8955ae62-45ff-43c9-8c3d-6aad30f36d67" providerId="ADAL" clId="{73CCA808-DD04-4801-BA94-88849201A961}" dt="2023-05-23T17:39:21.269" v="11108" actId="478"/>
          <ac:spMkLst>
            <pc:docMk/>
            <pc:sldMk cId="2362563532" sldId="2147374229"/>
            <ac:spMk id="36" creationId="{A14639D9-3599-7DDB-6BEA-C47D4BC19B57}"/>
          </ac:spMkLst>
        </pc:spChg>
        <pc:spChg chg="add del">
          <ac:chgData name="Sorour Falahati" userId="8955ae62-45ff-43c9-8c3d-6aad30f36d67" providerId="ADAL" clId="{73CCA808-DD04-4801-BA94-88849201A961}" dt="2023-05-23T17:39:27.201" v="11110" actId="478"/>
          <ac:spMkLst>
            <pc:docMk/>
            <pc:sldMk cId="2362563532" sldId="2147374229"/>
            <ac:spMk id="41" creationId="{149A4F6E-306D-0225-C5B7-9E628E635689}"/>
          </ac:spMkLst>
        </pc:spChg>
        <pc:spChg chg="add del mod">
          <ac:chgData name="Sorour Falahati" userId="8955ae62-45ff-43c9-8c3d-6aad30f36d67" providerId="ADAL" clId="{73CCA808-DD04-4801-BA94-88849201A961}" dt="2023-05-23T17:42:14.266" v="11217" actId="478"/>
          <ac:spMkLst>
            <pc:docMk/>
            <pc:sldMk cId="2362563532" sldId="2147374229"/>
            <ac:spMk id="45" creationId="{9000A99C-F63A-136F-77BA-C7BE4A998D0A}"/>
          </ac:spMkLst>
        </pc:spChg>
        <pc:spChg chg="add del mod">
          <ac:chgData name="Sorour Falahati" userId="8955ae62-45ff-43c9-8c3d-6aad30f36d67" providerId="ADAL" clId="{73CCA808-DD04-4801-BA94-88849201A961}" dt="2023-05-23T17:42:10.977" v="11216" actId="478"/>
          <ac:spMkLst>
            <pc:docMk/>
            <pc:sldMk cId="2362563532" sldId="2147374229"/>
            <ac:spMk id="46" creationId="{C2D926E4-A805-CC04-51E2-8D7A0A6C58B7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58" creationId="{BF0CAE12-DC84-1FCC-3070-C41FE513F409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59" creationId="{77C58382-FF69-4FEF-DA0C-3DA615B4F0C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0" creationId="{48ED903F-99B0-3E65-7FC9-D5A2E7D01D48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1" creationId="{3B131151-5863-F937-083A-8D57A7124395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3T17:46:04.003" v="11304" actId="207"/>
          <ac:spMkLst>
            <pc:docMk/>
            <pc:sldMk cId="2362563532" sldId="2147374229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3T17:38:10.422" v="10822" actId="207"/>
          <ac:spMkLst>
            <pc:docMk/>
            <pc:sldMk cId="2362563532" sldId="2147374229"/>
            <ac:spMk id="68" creationId="{038F704C-6C5A-50D1-C4BD-8D72AEAE4B86}"/>
          </ac:spMkLst>
        </pc:spChg>
        <pc:spChg chg="mod">
          <ac:chgData name="Sorour Falahati" userId="8955ae62-45ff-43c9-8c3d-6aad30f36d67" providerId="ADAL" clId="{73CCA808-DD04-4801-BA94-88849201A961}" dt="2023-05-23T17:53:43.907" v="11792" actId="207"/>
          <ac:spMkLst>
            <pc:docMk/>
            <pc:sldMk cId="2362563532" sldId="2147374229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3T17:53:48.631" v="11793" actId="207"/>
          <ac:spMkLst>
            <pc:docMk/>
            <pc:sldMk cId="2362563532" sldId="2147374229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3T17:37:42.418" v="10791" actId="165"/>
          <ac:spMkLst>
            <pc:docMk/>
            <pc:sldMk cId="2362563532" sldId="2147374229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3T17:38:28.643" v="10894" actId="207"/>
          <ac:spMkLst>
            <pc:docMk/>
            <pc:sldMk cId="2362563532" sldId="2147374229"/>
            <ac:spMk id="77" creationId="{5919DF0D-D2BD-4510-1C93-E4A865144DCB}"/>
          </ac:spMkLst>
        </pc:spChg>
        <pc:spChg chg="del">
          <ac:chgData name="Sorour Falahati" userId="8955ae62-45ff-43c9-8c3d-6aad30f36d67" providerId="ADAL" clId="{73CCA808-DD04-4801-BA94-88849201A961}" dt="2023-05-23T17:29:58.964" v="10381" actId="478"/>
          <ac:spMkLst>
            <pc:docMk/>
            <pc:sldMk cId="2362563532" sldId="2147374229"/>
            <ac:spMk id="79" creationId="{23C8E0F9-6CDF-6D1A-007F-D31AC4EC58FC}"/>
          </ac:spMkLst>
        </pc:spChg>
        <pc:spChg chg="del">
          <ac:chgData name="Sorour Falahati" userId="8955ae62-45ff-43c9-8c3d-6aad30f36d67" providerId="ADAL" clId="{73CCA808-DD04-4801-BA94-88849201A961}" dt="2023-05-23T17:29:57.239" v="10380" actId="478"/>
          <ac:spMkLst>
            <pc:docMk/>
            <pc:sldMk cId="2362563532" sldId="2147374229"/>
            <ac:spMk id="80" creationId="{84CF6F40-BDA2-FA33-1261-202D9A8A1662}"/>
          </ac:spMkLst>
        </pc:spChg>
        <pc:spChg chg="del">
          <ac:chgData name="Sorour Falahati" userId="8955ae62-45ff-43c9-8c3d-6aad30f36d67" providerId="ADAL" clId="{73CCA808-DD04-4801-BA94-88849201A961}" dt="2023-05-23T17:30:02.420" v="10382" actId="478"/>
          <ac:spMkLst>
            <pc:docMk/>
            <pc:sldMk cId="2362563532" sldId="2147374229"/>
            <ac:spMk id="81" creationId="{5FE0B151-4606-9768-1207-3C818306E70F}"/>
          </ac:spMkLst>
        </pc:spChg>
        <pc:spChg chg="mod">
          <ac:chgData name="Sorour Falahati" userId="8955ae62-45ff-43c9-8c3d-6aad30f36d67" providerId="ADAL" clId="{73CCA808-DD04-4801-BA94-88849201A961}" dt="2023-05-23T17:53:11.992" v="11791" actId="1076"/>
          <ac:spMkLst>
            <pc:docMk/>
            <pc:sldMk cId="2362563532" sldId="2147374229"/>
            <ac:spMk id="83" creationId="{55FD169E-3451-40D5-4283-60084241B42F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3" creationId="{2D4406A2-7442-43CB-2EA2-CA9114A3658C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4" creationId="{D4321304-3C5C-AC83-0977-74FF20AB93A7}"/>
          </ac:spMkLst>
        </pc:spChg>
        <pc:spChg chg="add mod">
          <ac:chgData name="Sorour Falahati" userId="8955ae62-45ff-43c9-8c3d-6aad30f36d67" providerId="ADAL" clId="{73CCA808-DD04-4801-BA94-88849201A961}" dt="2023-05-23T17:48:02.238" v="11424" actId="164"/>
          <ac:spMkLst>
            <pc:docMk/>
            <pc:sldMk cId="2362563532" sldId="2147374229"/>
            <ac:spMk id="115" creationId="{0B71F2E7-73A3-F071-4CA2-9E8CD3A8BC13}"/>
          </ac:spMkLst>
        </pc:spChg>
        <pc:spChg chg="mod">
          <ac:chgData name="Sorour Falahati" userId="8955ae62-45ff-43c9-8c3d-6aad30f36d67" providerId="ADAL" clId="{73CCA808-DD04-4801-BA94-88849201A961}" dt="2023-05-23T17:55:10.083" v="11891" actId="1037"/>
          <ac:spMkLst>
            <pc:docMk/>
            <pc:sldMk cId="2362563532" sldId="2147374229"/>
            <ac:spMk id="119" creationId="{25AAC9D0-B39A-8AA2-1D7E-F933573C5691}"/>
          </ac:spMkLst>
        </pc:spChg>
        <pc:spChg chg="mod">
          <ac:chgData name="Sorour Falahati" userId="8955ae62-45ff-43c9-8c3d-6aad30f36d67" providerId="ADAL" clId="{73CCA808-DD04-4801-BA94-88849201A961}" dt="2023-05-23T17:55:18.018" v="11916" actId="1037"/>
          <ac:spMkLst>
            <pc:docMk/>
            <pc:sldMk cId="2362563532" sldId="2147374229"/>
            <ac:spMk id="120" creationId="{6B92040A-B8B0-25EE-FD06-9FF1C916E3F7}"/>
          </ac:spMkLst>
        </pc:spChg>
        <pc:spChg chg="mod">
          <ac:chgData name="Sorour Falahati" userId="8955ae62-45ff-43c9-8c3d-6aad30f36d67" providerId="ADAL" clId="{73CCA808-DD04-4801-BA94-88849201A961}" dt="2023-05-23T17:54:08.609" v="11821" actId="1038"/>
          <ac:spMkLst>
            <pc:docMk/>
            <pc:sldMk cId="2362563532" sldId="2147374229"/>
            <ac:spMk id="121" creationId="{A4B7431D-AAAB-DED9-24AB-CC06FFD286A2}"/>
          </ac:spMkLst>
        </pc:spChg>
        <pc:spChg chg="mod">
          <ac:chgData name="Sorour Falahati" userId="8955ae62-45ff-43c9-8c3d-6aad30f36d67" providerId="ADAL" clId="{73CCA808-DD04-4801-BA94-88849201A961}" dt="2023-05-23T17:55:52.302" v="12009" actId="1037"/>
          <ac:spMkLst>
            <pc:docMk/>
            <pc:sldMk cId="2362563532" sldId="2147374229"/>
            <ac:spMk id="122" creationId="{B03A56AF-00F8-38ED-39B9-FBB21DC994C3}"/>
          </ac:spMkLst>
        </pc:spChg>
        <pc:spChg chg="mod">
          <ac:chgData name="Sorour Falahati" userId="8955ae62-45ff-43c9-8c3d-6aad30f36d67" providerId="ADAL" clId="{73CCA808-DD04-4801-BA94-88849201A961}" dt="2023-05-23T17:55:46.848" v="11978" actId="1037"/>
          <ac:spMkLst>
            <pc:docMk/>
            <pc:sldMk cId="2362563532" sldId="2147374229"/>
            <ac:spMk id="123" creationId="{99F69274-7A40-FE8C-19BB-4A0905CEAECE}"/>
          </ac:spMkLst>
        </pc:spChg>
        <pc:spChg chg="mod">
          <ac:chgData name="Sorour Falahati" userId="8955ae62-45ff-43c9-8c3d-6aad30f36d67" providerId="ADAL" clId="{73CCA808-DD04-4801-BA94-88849201A961}" dt="2023-05-23T17:55:28.601" v="11935" actId="1036"/>
          <ac:spMkLst>
            <pc:docMk/>
            <pc:sldMk cId="2362563532" sldId="2147374229"/>
            <ac:spMk id="127" creationId="{02BB0189-D806-656D-DF8D-286E3074221B}"/>
          </ac:spMkLst>
        </pc:spChg>
        <pc:spChg chg="mod">
          <ac:chgData name="Sorour Falahati" userId="8955ae62-45ff-43c9-8c3d-6aad30f36d67" providerId="ADAL" clId="{73CCA808-DD04-4801-BA94-88849201A961}" dt="2023-05-23T17:55:39.742" v="11947" actId="1036"/>
          <ac:spMkLst>
            <pc:docMk/>
            <pc:sldMk cId="2362563532" sldId="2147374229"/>
            <ac:spMk id="128" creationId="{5B4A6CE5-E312-A8CE-BBDC-2C8C13CCB0F7}"/>
          </ac:spMkLst>
        </pc:spChg>
        <pc:spChg chg="mod">
          <ac:chgData name="Sorour Falahati" userId="8955ae62-45ff-43c9-8c3d-6aad30f36d67" providerId="ADAL" clId="{73CCA808-DD04-4801-BA94-88849201A961}" dt="2023-05-23T17:54:53.084" v="11860" actId="1035"/>
          <ac:spMkLst>
            <pc:docMk/>
            <pc:sldMk cId="2362563532" sldId="2147374229"/>
            <ac:spMk id="129" creationId="{336241C4-5B7D-4B33-7E74-0BDF88D44F80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31" creationId="{492DB451-5627-2782-76C8-1CDC6AC922DE}"/>
          </ac:spMkLst>
        </pc:spChg>
        <pc:spChg chg="del mod topLvl">
          <ac:chgData name="Sorour Falahati" userId="8955ae62-45ff-43c9-8c3d-6aad30f36d67" providerId="ADAL" clId="{73CCA808-DD04-4801-BA94-88849201A961}" dt="2023-05-23T17:46:15.716" v="11305" actId="478"/>
          <ac:spMkLst>
            <pc:docMk/>
            <pc:sldMk cId="2362563532" sldId="2147374229"/>
            <ac:spMk id="147" creationId="{504F80AE-D634-AD5D-0DCE-23C1055E1AEE}"/>
          </ac:spMkLst>
        </pc:spChg>
        <pc:spChg chg="del">
          <ac:chgData name="Sorour Falahati" userId="8955ae62-45ff-43c9-8c3d-6aad30f36d67" providerId="ADAL" clId="{73CCA808-DD04-4801-BA94-88849201A961}" dt="2023-05-23T17:31:58.723" v="10447" actId="478"/>
          <ac:spMkLst>
            <pc:docMk/>
            <pc:sldMk cId="2362563532" sldId="2147374229"/>
            <ac:spMk id="148" creationId="{14521F3F-3097-4F5F-A018-127B66670D23}"/>
          </ac:spMkLst>
        </pc:spChg>
        <pc:spChg chg="del mod topLvl">
          <ac:chgData name="Sorour Falahati" userId="8955ae62-45ff-43c9-8c3d-6aad30f36d67" providerId="ADAL" clId="{73CCA808-DD04-4801-BA94-88849201A961}" dt="2023-05-23T17:46:21.703" v="11306" actId="478"/>
          <ac:spMkLst>
            <pc:docMk/>
            <pc:sldMk cId="2362563532" sldId="2147374229"/>
            <ac:spMk id="150" creationId="{B626EFC4-1451-116B-343A-0A14C5A9CDA4}"/>
          </ac:spMkLst>
        </pc:spChg>
        <pc:spChg chg="del">
          <ac:chgData name="Sorour Falahati" userId="8955ae62-45ff-43c9-8c3d-6aad30f36d67" providerId="ADAL" clId="{73CCA808-DD04-4801-BA94-88849201A961}" dt="2023-05-23T17:31:03.690" v="10391" actId="478"/>
          <ac:spMkLst>
            <pc:docMk/>
            <pc:sldMk cId="2362563532" sldId="2147374229"/>
            <ac:spMk id="152" creationId="{8FC4D3FC-6780-1545-8209-8BF665448758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3" creationId="{0CF26B28-6993-462E-C2ED-813CF94CB169}"/>
          </ac:spMkLst>
        </pc:spChg>
        <pc:spChg chg="del mod topLvl">
          <ac:chgData name="Sorour Falahati" userId="8955ae62-45ff-43c9-8c3d-6aad30f36d67" providerId="ADAL" clId="{73CCA808-DD04-4801-BA94-88849201A961}" dt="2023-05-23T17:38:31.689" v="10895" actId="478"/>
          <ac:spMkLst>
            <pc:docMk/>
            <pc:sldMk cId="2362563532" sldId="2147374229"/>
            <ac:spMk id="154" creationId="{0A47A947-992F-70F4-0618-19C2CC3AF9CD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7" creationId="{4051823D-72CF-0F39-6DDF-AC59FAFDB73A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8" creationId="{F82216CC-58EF-C3C4-BFCB-517E66BA5413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59" creationId="{676CE375-EA32-C917-C29E-A5E52A7A2FA3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0" creationId="{240CB733-5EB2-34FB-E701-239BA4A69D7B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1" creationId="{5B1260E7-C8EF-509A-A33E-376BE5FB563A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2" creationId="{A2C92CCA-E18C-B9E5-6EBD-6EEB3FEDE75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3" creationId="{F11890E7-C29E-A3B0-5A6F-3DC6EA4C9857}"/>
          </ac:spMkLst>
        </pc:spChg>
        <pc:spChg chg="mod">
          <ac:chgData name="Sorour Falahati" userId="8955ae62-45ff-43c9-8c3d-6aad30f36d67" providerId="ADAL" clId="{73CCA808-DD04-4801-BA94-88849201A961}" dt="2023-05-23T17:52:00.598" v="11721" actId="207"/>
          <ac:spMkLst>
            <pc:docMk/>
            <pc:sldMk cId="2362563532" sldId="2147374229"/>
            <ac:spMk id="164" creationId="{55685F3E-CF7A-F071-99DC-121BB3188E2E}"/>
          </ac:spMkLst>
        </pc:spChg>
        <pc:spChg chg="mod">
          <ac:chgData name="Sorour Falahati" userId="8955ae62-45ff-43c9-8c3d-6aad30f36d67" providerId="ADAL" clId="{73CCA808-DD04-4801-BA94-88849201A961}" dt="2023-05-23T17:53:55.948" v="11794" actId="207"/>
          <ac:spMkLst>
            <pc:docMk/>
            <pc:sldMk cId="2362563532" sldId="2147374229"/>
            <ac:spMk id="165" creationId="{BD1B3B7F-D22F-2A82-7AA2-1FA538B141EC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6" creationId="{C693B7E1-B2B6-3ED0-31A8-A83BB07F1675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7" creationId="{AEB3ECC2-D7F6-7F06-7BD8-860A990BA55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8" creationId="{24AD05C4-F6A3-032C-2F55-5919C407291F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69" creationId="{0C057660-E7F9-2B2E-3699-84D13DF1E728}"/>
          </ac:spMkLst>
        </pc:spChg>
        <pc:spChg chg="mod">
          <ac:chgData name="Sorour Falahati" userId="8955ae62-45ff-43c9-8c3d-6aad30f36d67" providerId="ADAL" clId="{73CCA808-DD04-4801-BA94-88849201A961}" dt="2023-05-23T17:48:04.340" v="11425"/>
          <ac:spMkLst>
            <pc:docMk/>
            <pc:sldMk cId="2362563532" sldId="2147374229"/>
            <ac:spMk id="170" creationId="{CC1E17A0-A00D-05AA-41F0-9504E51A6144}"/>
          </ac:spMkLst>
        </pc:spChg>
        <pc:grpChg chg="mod topLvl">
          <ac:chgData name="Sorour Falahati" userId="8955ae62-45ff-43c9-8c3d-6aad30f36d67" providerId="ADAL" clId="{73CCA808-DD04-4801-BA94-88849201A961}" dt="2023-05-23T17:48:02.238" v="11424" actId="164"/>
          <ac:grpSpMkLst>
            <pc:docMk/>
            <pc:sldMk cId="2362563532" sldId="2147374229"/>
            <ac:grpSpMk id="37" creationId="{2A56FA24-0688-5FA8-893A-525BC4FEC287}"/>
          </ac:grpSpMkLst>
        </pc:grpChg>
        <pc:grpChg chg="mod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78" creationId="{84124995-3C4E-BFF1-06C4-2479E90125FB}"/>
          </ac:grpSpMkLst>
        </pc:grpChg>
        <pc:grpChg chg="mod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82" creationId="{97D86CFB-D9CA-77CB-57DF-AC2CE80C88E3}"/>
          </ac:grpSpMkLst>
        </pc:grpChg>
        <pc:grpChg chg="add mod">
          <ac:chgData name="Sorour Falahati" userId="8955ae62-45ff-43c9-8c3d-6aad30f36d67" providerId="ADAL" clId="{73CCA808-DD04-4801-BA94-88849201A961}" dt="2023-05-23T17:48:19.070" v="11511" actId="1036"/>
          <ac:grpSpMkLst>
            <pc:docMk/>
            <pc:sldMk cId="2362563532" sldId="2147374229"/>
            <ac:grpSpMk id="116" creationId="{2ECE2FAF-1EBA-F6CD-F439-67B5E4CA5AC2}"/>
          </ac:grpSpMkLst>
        </pc:grpChg>
        <pc:grpChg chg="add mod">
          <ac:chgData name="Sorour Falahati" userId="8955ae62-45ff-43c9-8c3d-6aad30f36d67" providerId="ADAL" clId="{73CCA808-DD04-4801-BA94-88849201A961}" dt="2023-05-23T17:48:26.342" v="11530" actId="1036"/>
          <ac:grpSpMkLst>
            <pc:docMk/>
            <pc:sldMk cId="2362563532" sldId="2147374229"/>
            <ac:grpSpMk id="117" creationId="{FF272102-BA0B-43F9-1E7B-60429CB8E660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18" creationId="{406A6F8B-41D7-FB09-BEA4-3085B49A9047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30" creationId="{30B1193C-F66D-3333-CFD1-5DE1C61669B9}"/>
          </ac:grpSpMkLst>
        </pc:grpChg>
        <pc:grpChg chg="mod">
          <ac:chgData name="Sorour Falahati" userId="8955ae62-45ff-43c9-8c3d-6aad30f36d67" providerId="ADAL" clId="{73CCA808-DD04-4801-BA94-88849201A961}" dt="2023-05-23T17:48:04.340" v="11425"/>
          <ac:grpSpMkLst>
            <pc:docMk/>
            <pc:sldMk cId="2362563532" sldId="2147374229"/>
            <ac:grpSpMk id="151" creationId="{62B693E4-3DA8-569C-D086-311B4B0EB824}"/>
          </ac:grpSpMkLst>
        </pc:grpChg>
        <pc:grpChg chg="del">
          <ac:chgData name="Sorour Falahati" userId="8955ae62-45ff-43c9-8c3d-6aad30f36d67" providerId="ADAL" clId="{73CCA808-DD04-4801-BA94-88849201A961}" dt="2023-05-23T17:37:42.418" v="10791" actId="165"/>
          <ac:grpSpMkLst>
            <pc:docMk/>
            <pc:sldMk cId="2362563532" sldId="2147374229"/>
            <ac:grpSpMk id="155" creationId="{4B3E8F00-6603-67B5-D2BA-74191D655F76}"/>
          </ac:grpSpMkLst>
        </pc:grpChg>
        <pc:grpChg chg="del">
          <ac:chgData name="Sorour Falahati" userId="8955ae62-45ff-43c9-8c3d-6aad30f36d67" providerId="ADAL" clId="{73CCA808-DD04-4801-BA94-88849201A961}" dt="2023-05-23T17:47:55.567" v="11423" actId="478"/>
          <ac:grpSpMkLst>
            <pc:docMk/>
            <pc:sldMk cId="2362563532" sldId="2147374229"/>
            <ac:grpSpMk id="156" creationId="{64119125-E701-A05D-C56D-E03033504A79}"/>
          </ac:grpSpMkLst>
        </pc:grpChg>
        <pc:cxnChg chg="del mod">
          <ac:chgData name="Sorour Falahati" userId="8955ae62-45ff-43c9-8c3d-6aad30f36d67" providerId="ADAL" clId="{73CCA808-DD04-4801-BA94-88849201A961}" dt="2023-05-23T17:43:45.486" v="11281" actId="478"/>
          <ac:cxnSpMkLst>
            <pc:docMk/>
            <pc:sldMk cId="2362563532" sldId="2147374229"/>
            <ac:cxnSpMk id="10" creationId="{174ADD6D-15B8-B4D1-6C75-ABCB59AB4D00}"/>
          </ac:cxnSpMkLst>
        </pc:cxnChg>
        <pc:cxnChg chg="add del mod">
          <ac:chgData name="Sorour Falahati" userId="8955ae62-45ff-43c9-8c3d-6aad30f36d67" providerId="ADAL" clId="{73CCA808-DD04-4801-BA94-88849201A961}" dt="2023-05-23T17:43:42.927" v="11280" actId="478"/>
          <ac:cxnSpMkLst>
            <pc:docMk/>
            <pc:sldMk cId="2362563532" sldId="2147374229"/>
            <ac:cxnSpMk id="11" creationId="{477FDB4C-1FEA-008F-0821-CF4398C9BD42}"/>
          </ac:cxnSpMkLst>
        </pc:cxnChg>
        <pc:cxnChg chg="del mod">
          <ac:chgData name="Sorour Falahati" userId="8955ae62-45ff-43c9-8c3d-6aad30f36d67" providerId="ADAL" clId="{73CCA808-DD04-4801-BA94-88849201A961}" dt="2023-05-23T17:31:00.454" v="10390" actId="478"/>
          <ac:cxnSpMkLst>
            <pc:docMk/>
            <pc:sldMk cId="2362563532" sldId="2147374229"/>
            <ac:cxnSpMk id="14" creationId="{476ED813-E778-A466-7C5A-1C6255EA637F}"/>
          </ac:cxnSpMkLst>
        </pc:cxnChg>
        <pc:cxnChg chg="del mod">
          <ac:chgData name="Sorour Falahati" userId="8955ae62-45ff-43c9-8c3d-6aad30f36d67" providerId="ADAL" clId="{73CCA808-DD04-4801-BA94-88849201A961}" dt="2023-05-23T17:30:52.274" v="10387" actId="478"/>
          <ac:cxnSpMkLst>
            <pc:docMk/>
            <pc:sldMk cId="2362563532" sldId="2147374229"/>
            <ac:cxnSpMk id="18" creationId="{453D1EDE-DC37-97FE-4F41-BF1D157E58F0}"/>
          </ac:cxnSpMkLst>
        </pc:cxnChg>
        <pc:cxnChg chg="del mod">
          <ac:chgData name="Sorour Falahati" userId="8955ae62-45ff-43c9-8c3d-6aad30f36d67" providerId="ADAL" clId="{73CCA808-DD04-4801-BA94-88849201A961}" dt="2023-05-23T17:31:06.299" v="10392" actId="478"/>
          <ac:cxnSpMkLst>
            <pc:docMk/>
            <pc:sldMk cId="2362563532" sldId="2147374229"/>
            <ac:cxnSpMk id="23" creationId="{56A80736-FA1B-8889-BF5E-F4CF58520FA4}"/>
          </ac:cxnSpMkLst>
        </pc:cxnChg>
        <pc:cxnChg chg="mod">
          <ac:chgData name="Sorour Falahati" userId="8955ae62-45ff-43c9-8c3d-6aad30f36d67" providerId="ADAL" clId="{73CCA808-DD04-4801-BA94-88849201A961}" dt="2023-05-23T17:37:42.418" v="10791" actId="165"/>
          <ac:cxnSpMkLst>
            <pc:docMk/>
            <pc:sldMk cId="2362563532" sldId="2147374229"/>
            <ac:cxnSpMk id="33" creationId="{1BC36E23-DDB4-9418-69A1-E595129C45E4}"/>
          </ac:cxnSpMkLst>
        </pc:cxnChg>
        <pc:cxnChg chg="add del mod">
          <ac:chgData name="Sorour Falahati" userId="8955ae62-45ff-43c9-8c3d-6aad30f36d67" providerId="ADAL" clId="{73CCA808-DD04-4801-BA94-88849201A961}" dt="2023-05-23T17:39:51.017" v="11114" actId="478"/>
          <ac:cxnSpMkLst>
            <pc:docMk/>
            <pc:sldMk cId="2362563532" sldId="2147374229"/>
            <ac:cxnSpMk id="43" creationId="{8539C2E1-87A3-D31E-BA86-1AF2F8286A31}"/>
          </ac:cxnSpMkLst>
        </pc:cxnChg>
        <pc:cxnChg chg="add del mod">
          <ac:chgData name="Sorour Falahati" userId="8955ae62-45ff-43c9-8c3d-6aad30f36d67" providerId="ADAL" clId="{73CCA808-DD04-4801-BA94-88849201A961}" dt="2023-05-23T17:42:55.573" v="11227" actId="478"/>
          <ac:cxnSpMkLst>
            <pc:docMk/>
            <pc:sldMk cId="2362563532" sldId="2147374229"/>
            <ac:cxnSpMk id="48" creationId="{9913DF84-50FC-32C1-78B4-DBE3320D1C37}"/>
          </ac:cxnSpMkLst>
        </pc:cxnChg>
        <pc:cxnChg chg="mod">
          <ac:chgData name="Sorour Falahati" userId="8955ae62-45ff-43c9-8c3d-6aad30f36d67" providerId="ADAL" clId="{73CCA808-DD04-4801-BA94-88849201A961}" dt="2023-05-23T17:37:42.418" v="10791" actId="165"/>
          <ac:cxnSpMkLst>
            <pc:docMk/>
            <pc:sldMk cId="2362563532" sldId="2147374229"/>
            <ac:cxnSpMk id="74" creationId="{AD1BB98C-F0E3-82C8-1E66-38F7FE385CCA}"/>
          </ac:cxnSpMkLst>
        </pc:cxnChg>
        <pc:cxnChg chg="add del mod">
          <ac:chgData name="Sorour Falahati" userId="8955ae62-45ff-43c9-8c3d-6aad30f36d67" providerId="ADAL" clId="{73CCA808-DD04-4801-BA94-88849201A961}" dt="2023-05-23T17:43:09.386" v="11229" actId="478"/>
          <ac:cxnSpMkLst>
            <pc:docMk/>
            <pc:sldMk cId="2362563532" sldId="2147374229"/>
            <ac:cxnSpMk id="98" creationId="{0550FB75-FB5F-570C-08CC-D54E099CB6C6}"/>
          </ac:cxnSpMkLst>
        </pc:cxnChg>
        <pc:cxnChg chg="add mod">
          <ac:chgData name="Sorour Falahati" userId="8955ae62-45ff-43c9-8c3d-6aad30f36d67" providerId="ADAL" clId="{73CCA808-DD04-4801-BA94-88849201A961}" dt="2023-05-23T17:48:02.238" v="11424" actId="164"/>
          <ac:cxnSpMkLst>
            <pc:docMk/>
            <pc:sldMk cId="2362563532" sldId="2147374229"/>
            <ac:cxnSpMk id="100" creationId="{A16548BB-FE3B-2508-30A3-ABD6CF056BDE}"/>
          </ac:cxnSpMkLst>
        </pc:cxnChg>
        <pc:cxnChg chg="mod">
          <ac:chgData name="Sorour Falahati" userId="8955ae62-45ff-43c9-8c3d-6aad30f36d67" providerId="ADAL" clId="{73CCA808-DD04-4801-BA94-88849201A961}" dt="2023-05-23T17:47:55.567" v="11423" actId="478"/>
          <ac:cxnSpMkLst>
            <pc:docMk/>
            <pc:sldMk cId="2362563532" sldId="2147374229"/>
            <ac:cxnSpMk id="101" creationId="{23A29BC9-A9F9-8CFE-197A-28514691923B}"/>
          </ac:cxnSpMkLst>
        </pc:cxnChg>
        <pc:cxnChg chg="add mod">
          <ac:chgData name="Sorour Falahati" userId="8955ae62-45ff-43c9-8c3d-6aad30f36d67" providerId="ADAL" clId="{73CCA808-DD04-4801-BA94-88849201A961}" dt="2023-05-23T17:48:02.238" v="11424" actId="164"/>
          <ac:cxnSpMkLst>
            <pc:docMk/>
            <pc:sldMk cId="2362563532" sldId="2147374229"/>
            <ac:cxnSpMk id="105" creationId="{400ED882-87BC-BB36-9FCF-4EE94BD3D0B5}"/>
          </ac:cxnSpMkLst>
        </pc:cxnChg>
        <pc:cxnChg chg="add mod">
          <ac:chgData name="Sorour Falahati" userId="8955ae62-45ff-43c9-8c3d-6aad30f36d67" providerId="ADAL" clId="{73CCA808-DD04-4801-BA94-88849201A961}" dt="2023-05-23T17:54:19.383" v="11849" actId="1038"/>
          <ac:cxnSpMkLst>
            <pc:docMk/>
            <pc:sldMk cId="2362563532" sldId="2147374229"/>
            <ac:cxnSpMk id="108" creationId="{C40FB601-5DE5-D427-1EAE-DFDCF57856ED}"/>
          </ac:cxnSpMkLst>
        </pc:cxnChg>
        <pc:cxnChg chg="del mod">
          <ac:chgData name="Sorour Falahati" userId="8955ae62-45ff-43c9-8c3d-6aad30f36d67" providerId="ADAL" clId="{73CCA808-DD04-4801-BA94-88849201A961}" dt="2023-05-23T17:51:13.555" v="11711" actId="478"/>
          <ac:cxnSpMkLst>
            <pc:docMk/>
            <pc:sldMk cId="2362563532" sldId="2147374229"/>
            <ac:cxnSpMk id="124" creationId="{AE498454-750D-CB5E-42EB-85194B7FC76C}"/>
          </ac:cxnSpMkLst>
        </pc:cxnChg>
        <pc:cxnChg chg="mod">
          <ac:chgData name="Sorour Falahati" userId="8955ae62-45ff-43c9-8c3d-6aad30f36d67" providerId="ADAL" clId="{73CCA808-DD04-4801-BA94-88849201A961}" dt="2023-05-23T17:55:33.221" v="11936" actId="14100"/>
          <ac:cxnSpMkLst>
            <pc:docMk/>
            <pc:sldMk cId="2362563532" sldId="2147374229"/>
            <ac:cxnSpMk id="125" creationId="{716D5339-23C3-F00B-D2E4-07E8BF3C525C}"/>
          </ac:cxnSpMkLst>
        </pc:cxnChg>
        <pc:cxnChg chg="del mod">
          <ac:chgData name="Sorour Falahati" userId="8955ae62-45ff-43c9-8c3d-6aad30f36d67" providerId="ADAL" clId="{73CCA808-DD04-4801-BA94-88849201A961}" dt="2023-05-23T17:53:02.029" v="11789" actId="478"/>
          <ac:cxnSpMkLst>
            <pc:docMk/>
            <pc:sldMk cId="2362563532" sldId="2147374229"/>
            <ac:cxnSpMk id="126" creationId="{9645A96B-9C56-0FAA-E4B7-7448FB0154B6}"/>
          </ac:cxnSpMkLst>
        </pc:cxnChg>
        <pc:cxnChg chg="mod">
          <ac:chgData name="Sorour Falahati" userId="8955ae62-45ff-43c9-8c3d-6aad30f36d67" providerId="ADAL" clId="{73CCA808-DD04-4801-BA94-88849201A961}" dt="2023-05-23T17:48:04.340" v="11425"/>
          <ac:cxnSpMkLst>
            <pc:docMk/>
            <pc:sldMk cId="2362563532" sldId="2147374229"/>
            <ac:cxnSpMk id="132" creationId="{FEF169EE-C5AA-4C6D-3BDF-616D2B54DF35}"/>
          </ac:cxnSpMkLst>
        </pc:cxnChg>
        <pc:cxnChg chg="mod">
          <ac:chgData name="Sorour Falahati" userId="8955ae62-45ff-43c9-8c3d-6aad30f36d67" providerId="ADAL" clId="{73CCA808-DD04-4801-BA94-88849201A961}" dt="2023-05-23T17:48:04.340" v="11425"/>
          <ac:cxnSpMkLst>
            <pc:docMk/>
            <pc:sldMk cId="2362563532" sldId="2147374229"/>
            <ac:cxnSpMk id="149" creationId="{4D780239-BB25-8D2F-37FC-C205AD3854E0}"/>
          </ac:cxnSpMkLst>
        </pc:cxnChg>
        <pc:cxnChg chg="add mod">
          <ac:chgData name="Sorour Falahati" userId="8955ae62-45ff-43c9-8c3d-6aad30f36d67" providerId="ADAL" clId="{73CCA808-DD04-4801-BA94-88849201A961}" dt="2023-05-23T17:55:24.111" v="11917" actId="14100"/>
          <ac:cxnSpMkLst>
            <pc:docMk/>
            <pc:sldMk cId="2362563532" sldId="2147374229"/>
            <ac:cxnSpMk id="176" creationId="{6ED45C20-388C-D0B0-B6B7-87B0370DDC0A}"/>
          </ac:cxnSpMkLst>
        </pc:cxnChg>
        <pc:cxnChg chg="add mod">
          <ac:chgData name="Sorour Falahati" userId="8955ae62-45ff-43c9-8c3d-6aad30f36d67" providerId="ADAL" clId="{73CCA808-DD04-4801-BA94-88849201A961}" dt="2023-05-23T17:54:46.459" v="11852" actId="14100"/>
          <ac:cxnSpMkLst>
            <pc:docMk/>
            <pc:sldMk cId="2362563532" sldId="2147374229"/>
            <ac:cxnSpMk id="179" creationId="{75BD2B4B-9D55-A8D1-9F1C-7C9B0F4A9B3B}"/>
          </ac:cxnSpMkLst>
        </pc:cxnChg>
      </pc:sldChg>
      <pc:sldChg chg="addSp delSp modSp add del mod">
        <pc:chgData name="Sorour Falahati" userId="8955ae62-45ff-43c9-8c3d-6aad30f36d67" providerId="ADAL" clId="{73CCA808-DD04-4801-BA94-88849201A961}" dt="2023-05-23T18:11:07.910" v="12448" actId="2696"/>
        <pc:sldMkLst>
          <pc:docMk/>
          <pc:sldMk cId="117519964" sldId="2147374230"/>
        </pc:sldMkLst>
        <pc:spChg chg="add del mod">
          <ac:chgData name="Sorour Falahati" userId="8955ae62-45ff-43c9-8c3d-6aad30f36d67" providerId="ADAL" clId="{73CCA808-DD04-4801-BA94-88849201A961}" dt="2023-05-23T18:06:11.443" v="12290" actId="478"/>
          <ac:spMkLst>
            <pc:docMk/>
            <pc:sldMk cId="117519964" sldId="2147374230"/>
            <ac:spMk id="3" creationId="{A75B2002-A772-921D-C601-97633FF131A6}"/>
          </ac:spMkLst>
        </pc:spChg>
        <pc:spChg chg="add del">
          <ac:chgData name="Sorour Falahati" userId="8955ae62-45ff-43c9-8c3d-6aad30f36d67" providerId="ADAL" clId="{73CCA808-DD04-4801-BA94-88849201A961}" dt="2023-05-23T18:06:16.353" v="12292" actId="478"/>
          <ac:spMkLst>
            <pc:docMk/>
            <pc:sldMk cId="117519964" sldId="2147374230"/>
            <ac:spMk id="4" creationId="{F4B1DA16-2C38-8E92-733F-FBD676210C1A}"/>
          </ac:spMkLst>
        </pc:spChg>
        <pc:spChg chg="add mod">
          <ac:chgData name="Sorour Falahati" userId="8955ae62-45ff-43c9-8c3d-6aad30f36d67" providerId="ADAL" clId="{73CCA808-DD04-4801-BA94-88849201A961}" dt="2023-05-23T18:08:31.163" v="12412" actId="1076"/>
          <ac:spMkLst>
            <pc:docMk/>
            <pc:sldMk cId="117519964" sldId="2147374230"/>
            <ac:spMk id="5" creationId="{57F02F7C-09E2-B810-0D69-1454E056697A}"/>
          </ac:spMkLst>
        </pc:spChg>
        <pc:spChg chg="add mod">
          <ac:chgData name="Sorour Falahati" userId="8955ae62-45ff-43c9-8c3d-6aad30f36d67" providerId="ADAL" clId="{73CCA808-DD04-4801-BA94-88849201A961}" dt="2023-05-23T18:08:23.061" v="12411" actId="1076"/>
          <ac:spMkLst>
            <pc:docMk/>
            <pc:sldMk cId="117519964" sldId="2147374230"/>
            <ac:spMk id="6" creationId="{7708A310-F669-DEF0-1224-BDDD7E44BB11}"/>
          </ac:spMkLst>
        </pc:spChg>
        <pc:spChg chg="mod">
          <ac:chgData name="Sorour Falahati" userId="8955ae62-45ff-43c9-8c3d-6aad30f36d67" providerId="ADAL" clId="{73CCA808-DD04-4801-BA94-88849201A961}" dt="2023-05-23T18:03:23.040" v="12271" actId="20577"/>
          <ac:spMkLst>
            <pc:docMk/>
            <pc:sldMk cId="117519964" sldId="2147374230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3T17:57:03.118" v="12012" actId="20577"/>
          <ac:spMkLst>
            <pc:docMk/>
            <pc:sldMk cId="117519964" sldId="2147374230"/>
            <ac:spMk id="128" creationId="{5B4A6CE5-E312-A8CE-BBDC-2C8C13CCB0F7}"/>
          </ac:spMkLst>
        </pc:spChg>
        <pc:grpChg chg="add mod">
          <ac:chgData name="Sorour Falahati" userId="8955ae62-45ff-43c9-8c3d-6aad30f36d67" providerId="ADAL" clId="{73CCA808-DD04-4801-BA94-88849201A961}" dt="2023-05-23T17:57:38.165" v="12123" actId="1036"/>
          <ac:grpSpMkLst>
            <pc:docMk/>
            <pc:sldMk cId="117519964" sldId="2147374230"/>
            <ac:grpSpMk id="2" creationId="{562DF0FA-291E-4B42-FCE2-C12AEA03BAB5}"/>
          </ac:grpSpMkLst>
        </pc:grpChg>
        <pc:grpChg chg="mod">
          <ac:chgData name="Sorour Falahati" userId="8955ae62-45ff-43c9-8c3d-6aad30f36d67" providerId="ADAL" clId="{73CCA808-DD04-4801-BA94-88849201A961}" dt="2023-05-23T17:57:45.558" v="12173" actId="1035"/>
          <ac:grpSpMkLst>
            <pc:docMk/>
            <pc:sldMk cId="117519964" sldId="2147374230"/>
            <ac:grpSpMk id="116" creationId="{2ECE2FAF-1EBA-F6CD-F439-67B5E4CA5AC2}"/>
          </ac:grpSpMkLst>
        </pc:grpChg>
        <pc:grpChg chg="mod">
          <ac:chgData name="Sorour Falahati" userId="8955ae62-45ff-43c9-8c3d-6aad30f36d67" providerId="ADAL" clId="{73CCA808-DD04-4801-BA94-88849201A961}" dt="2023-05-23T17:57:12.741" v="12013" actId="164"/>
          <ac:grpSpMkLst>
            <pc:docMk/>
            <pc:sldMk cId="117519964" sldId="2147374230"/>
            <ac:grpSpMk id="117" creationId="{FF272102-BA0B-43F9-1E7B-60429CB8E660}"/>
          </ac:grpSpMkLst>
        </pc:grpChg>
        <pc:cxnChg chg="mod">
          <ac:chgData name="Sorour Falahati" userId="8955ae62-45ff-43c9-8c3d-6aad30f36d67" providerId="ADAL" clId="{73CCA808-DD04-4801-BA94-88849201A961}" dt="2023-05-23T17:57:12.741" v="12013" actId="164"/>
          <ac:cxnSpMkLst>
            <pc:docMk/>
            <pc:sldMk cId="117519964" sldId="2147374230"/>
            <ac:cxnSpMk id="176" creationId="{6ED45C20-388C-D0B0-B6B7-87B0370DDC0A}"/>
          </ac:cxnSpMkLst>
        </pc:cxnChg>
        <pc:cxnChg chg="mod">
          <ac:chgData name="Sorour Falahati" userId="8955ae62-45ff-43c9-8c3d-6aad30f36d67" providerId="ADAL" clId="{73CCA808-DD04-4801-BA94-88849201A961}" dt="2023-05-23T17:57:12.741" v="12013" actId="164"/>
          <ac:cxnSpMkLst>
            <pc:docMk/>
            <pc:sldMk cId="117519964" sldId="2147374230"/>
            <ac:cxnSpMk id="179" creationId="{75BD2B4B-9D55-A8D1-9F1C-7C9B0F4A9B3B}"/>
          </ac:cxnSpMkLst>
        </pc:cxnChg>
      </pc:sldChg>
      <pc:sldChg chg="modSp add mod">
        <pc:chgData name="Sorour Falahati" userId="8955ae62-45ff-43c9-8c3d-6aad30f36d67" providerId="ADAL" clId="{73CCA808-DD04-4801-BA94-88849201A961}" dt="2023-05-23T18:12:23.826" v="12617" actId="13926"/>
        <pc:sldMkLst>
          <pc:docMk/>
          <pc:sldMk cId="3183844372" sldId="2147374230"/>
        </pc:sldMkLst>
        <pc:spChg chg="mod">
          <ac:chgData name="Sorour Falahati" userId="8955ae62-45ff-43c9-8c3d-6aad30f36d67" providerId="ADAL" clId="{73CCA808-DD04-4801-BA94-88849201A961}" dt="2023-05-23T18:12:18.732" v="12616" actId="13926"/>
          <ac:spMkLst>
            <pc:docMk/>
            <pc:sldMk cId="3183844372" sldId="2147374230"/>
            <ac:spMk id="5" creationId="{57F02F7C-09E2-B810-0D69-1454E056697A}"/>
          </ac:spMkLst>
        </pc:spChg>
        <pc:spChg chg="mod">
          <ac:chgData name="Sorour Falahati" userId="8955ae62-45ff-43c9-8c3d-6aad30f36d67" providerId="ADAL" clId="{73CCA808-DD04-4801-BA94-88849201A961}" dt="2023-05-23T18:12:23.826" v="12617" actId="13926"/>
          <ac:spMkLst>
            <pc:docMk/>
            <pc:sldMk cId="3183844372" sldId="2147374230"/>
            <ac:spMk id="6" creationId="{7708A310-F669-DEF0-1224-BDDD7E44BB11}"/>
          </ac:spMkLst>
        </pc:spChg>
      </pc:sldChg>
      <pc:sldChg chg="add del">
        <pc:chgData name="Sorour Falahati" userId="8955ae62-45ff-43c9-8c3d-6aad30f36d67" providerId="ADAL" clId="{73CCA808-DD04-4801-BA94-88849201A961}" dt="2023-05-23T18:06:41.861" v="12305"/>
        <pc:sldMkLst>
          <pc:docMk/>
          <pc:sldMk cId="483016822" sldId="2147374231"/>
        </pc:sldMkLst>
      </pc:sldChg>
      <pc:sldChg chg="new del">
        <pc:chgData name="Sorour Falahati" userId="8955ae62-45ff-43c9-8c3d-6aad30f36d67" providerId="ADAL" clId="{73CCA808-DD04-4801-BA94-88849201A961}" dt="2023-05-23T18:13:24.831" v="12619" actId="47"/>
        <pc:sldMkLst>
          <pc:docMk/>
          <pc:sldMk cId="2404992980" sldId="2147374231"/>
        </pc:sldMkLst>
      </pc:sldChg>
      <pc:sldChg chg="add del">
        <pc:chgData name="Sorour Falahati" userId="8955ae62-45ff-43c9-8c3d-6aad30f36d67" providerId="ADAL" clId="{73CCA808-DD04-4801-BA94-88849201A961}" dt="2023-05-23T18:07:16.763" v="12324"/>
        <pc:sldMkLst>
          <pc:docMk/>
          <pc:sldMk cId="3881297849" sldId="2147374231"/>
        </pc:sldMkLst>
      </pc:sldChg>
      <pc:sldMasterChg chg="delSldLayout modSldLayout">
        <pc:chgData name="Sorour Falahati" userId="8955ae62-45ff-43c9-8c3d-6aad30f36d67" providerId="ADAL" clId="{73CCA808-DD04-4801-BA94-88849201A961}" dt="2023-05-23T18:11:51.524" v="12613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73CCA808-DD04-4801-BA94-88849201A961}" dt="2023-05-23T18:11:51.321" v="1245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73CCA808-DD04-4801-BA94-88849201A961}" dt="2023-05-23T18:11:51.321" v="1245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6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73CCA808-DD04-4801-BA94-88849201A961}" dt="2023-05-23T18:11:51.323" v="1246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6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73CCA808-DD04-4801-BA94-88849201A961}" dt="2023-05-23T18:11:51.323" v="1246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6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73CCA808-DD04-4801-BA94-88849201A961}" dt="2023-05-23T18:11:51.341" v="1246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7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73CCA808-DD04-4801-BA94-88849201A961}" dt="2023-05-23T18:11:51.341" v="1247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7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73CCA808-DD04-4801-BA94-88849201A961}" dt="2023-05-23T18:11:51.341" v="1247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41" v="1248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73CCA808-DD04-4801-BA94-88849201A961}" dt="2023-05-23T18:11:51.341" v="1248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8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73CCA808-DD04-4801-BA94-88849201A961}" dt="2023-05-23T18:11:51.361" v="1248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8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73CCA808-DD04-4801-BA94-88849201A961}" dt="2023-05-23T18:11:51.361" v="1248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61" v="1249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73CCA808-DD04-4801-BA94-88849201A961}" dt="2023-05-23T18:11:51.361" v="1249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49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73CCA808-DD04-4801-BA94-88849201A961}" dt="2023-05-23T18:11:51.378" v="1249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50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73CCA808-DD04-4801-BA94-88849201A961}" dt="2023-05-23T18:11:51.378" v="1250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3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73CCA808-DD04-4801-BA94-88849201A961}" dt="2023-05-23T18:11:51.415" v="1253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6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73CCA808-DD04-4801-BA94-88849201A961}" dt="2023-05-23T18:11:51.449" v="1256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6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73CCA808-DD04-4801-BA94-88849201A961}" dt="2023-05-23T18:11:51.465" v="1256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99" v="1259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73CCA808-DD04-4801-BA94-88849201A961}" dt="2023-05-23T18:11:51.499" v="1259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05" v="1259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73CCA808-DD04-4801-BA94-88849201A961}" dt="2023-05-23T18:11:51.505" v="1259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0" v="1260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73CCA808-DD04-4801-BA94-88849201A961}" dt="2023-05-23T18:11:51.510" v="1260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5" v="1260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73CCA808-DD04-4801-BA94-88849201A961}" dt="2023-05-23T18:11:51.515" v="1260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24" v="1261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73CCA808-DD04-4801-BA94-88849201A961}" dt="2023-05-23T18:11:51.524" v="1261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73CCA808-DD04-4801-BA94-88849201A961}" dt="2023-05-23T18:11:51.432" v="1254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5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73CCA808-DD04-4801-BA94-88849201A961}" dt="2023-05-23T18:11:51.449" v="1255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5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73CCA808-DD04-4801-BA94-88849201A961}" dt="2023-05-23T18:11:51.449" v="1255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49" v="1256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73CCA808-DD04-4801-BA94-88849201A961}" dt="2023-05-23T18:11:51.449" v="1256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7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73CCA808-DD04-4801-BA94-88849201A961}" dt="2023-05-23T18:11:51.465" v="1257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65" v="1257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73CCA808-DD04-4801-BA94-88849201A961}" dt="2023-05-23T18:11:51.465" v="1257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83" v="1258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73CCA808-DD04-4801-BA94-88849201A961}" dt="2023-05-23T18:11:51.483" v="1258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89" v="1258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73CCA808-DD04-4801-BA94-88849201A961}" dt="2023-05-23T18:11:51.489" v="1258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518" v="1260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73CCA808-DD04-4801-BA94-88849201A961}" dt="2023-05-23T18:11:51.518" v="1260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78" v="1250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73CCA808-DD04-4801-BA94-88849201A961}" dt="2023-05-23T18:11:51.378" v="1250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23" v="1245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73CCA808-DD04-4801-BA94-88849201A961}" dt="2023-05-23T18:11:51.323" v="1245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73CCA808-DD04-4801-BA94-88849201A961}" dt="2023-05-23T18:11:51.432" v="1254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94" v="1258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73CCA808-DD04-4801-BA94-88849201A961}" dt="2023-05-23T18:11:51.494" v="1258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0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73CCA808-DD04-4801-BA94-88849201A961}" dt="2023-05-23T18:11:51.395" v="1250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1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73CCA808-DD04-4801-BA94-88849201A961}" dt="2023-05-23T18:11:51.395" v="1251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1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73CCA808-DD04-4801-BA94-88849201A961}" dt="2023-05-23T18:11:51.395" v="1251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395" v="1252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73CCA808-DD04-4801-BA94-88849201A961}" dt="2023-05-23T18:11:51.395" v="1252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0" v="1252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73CCA808-DD04-4801-BA94-88849201A961}" dt="2023-05-23T18:11:51.410" v="1252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2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73CCA808-DD04-4801-BA94-88849201A961}" dt="2023-05-23T18:11:51.415" v="1252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15" v="1253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73CCA808-DD04-4801-BA94-88849201A961}" dt="2023-05-23T18:11:51.415" v="1253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3T18:11:51.432" v="1254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73CCA808-DD04-4801-BA94-88849201A961}" dt="2023-05-23T18:11:51.432" v="1254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del">
          <pc:chgData name="Sorour Falahati" userId="8955ae62-45ff-43c9-8c3d-6aad30f36d67" providerId="ADAL" clId="{73CCA808-DD04-4801-BA94-88849201A961}" dt="2023-05-22T16:24:24.402" v="3680" actId="2696"/>
          <pc:sldLayoutMkLst>
            <pc:docMk/>
            <pc:sldMasterMk cId="2523064765" sldId="2147483660"/>
            <pc:sldLayoutMk cId="3267957941" sldId="2147483707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24D01C1-E21D-4701-BF7B-B89F701F902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A3063C6D-D2ED-4CF2-A3FA-47DCAD0FA26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14AAA05E-070F-4A5A-8BC1-C2E1D702E11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8C208F16-6A41-49F7-A642-EB624AED422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AA381C7-9118-4E76-9283-1FD83122051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A5418619-BD74-40FA-9A95-AEECF85AAFA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022096B9-D7BB-407D-AF60-77C863C4D2F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A53CA00B-406D-405C-8FE7-2420DDFD46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2867B24F-50B2-4914-94AE-CCFDAD3FC4D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09C9C193-0893-457A-9BDF-0926ED1D7AB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F9E6488D-DD53-4038-8B3D-B229E9FE6B3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C0EEA6AD-2A9D-4BEA-8255-F2C3F24766E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21A3AA73-C0A6-43DC-B394-BBF09ED4D15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0005F112-6F1D-45ED-87AF-2BBB5D3AA82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DDA228B-F77B-49D9-928E-F1EE98DC97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F5D95F5C-9545-4094-8A70-20D2250E833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90A4BB88-09B1-4D0C-A64D-67C73CB82F8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184D248-19CC-4550-9123-C8488D43527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2ABC5B21-DC88-4F2D-8210-2593D760C1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AC08954C-6242-4D8D-AE16-2E4F70AE63B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D72D1F07-2C66-4C2D-83A7-FD36AEDB3E7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D833664-3715-4BC5-8E33-9605286169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B7AB3251-07A9-4600-9CC0-BB0AE95FF4A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D5FB231C-E6AA-4DA6-B374-6A55A93E60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704D517A-A119-4C88-94F7-02E704FDD58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2BD6DFAA-B84E-4910-80EF-082D11703C6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1742540F-1D8F-4F3A-A3A8-E09F511358A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A701C703-3049-4CFA-A6D4-B17429E65BD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AF1F4B6A-2A89-4DCF-A28E-E5939C37858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F4204ECD-4552-4AED-BFF2-5C3F4E3E948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89688BA6-6D35-4A9C-9ACC-87C41D99650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A65B9E8D-7036-424F-BBBE-4FB98DC6E8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92F27678-C654-4C58-98D8-354C6B3CA8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4DFF93F6-7CC3-49CC-AAD7-883124F7DDB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5BC2AF67-BBBC-4C26-B7F6-CE353D3C63F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78E02368-38D6-4313-98AE-29E001E887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3D1A09-C949-77FD-B61E-B261640000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25FD0B3-0EF9-990F-BB6A-18B6175308A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9EC732-BF0D-2458-A9C4-C87E9E36506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983B3E-9D37-47FD-8EAD-A6F4027EC555}" type="datetimeFigureOut">
              <a:rPr lang="en-SE" smtClean="0"/>
              <a:t>2023-05-23</a:t>
            </a:fld>
            <a:endParaRPr lang="en-S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F19A96-55BF-6822-EC9E-D97B1D06E4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718AE8-8378-F658-ABB4-2679DB2342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4CB0A7A-022F-490D-AE6F-301E9F641871}" type="slidenum">
              <a:rPr lang="en-SE" smtClean="0"/>
              <a:t>‹#›</a:t>
            </a:fld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355904312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81859373-B241-4D6B-9D27-10F9B273E96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E370D2E2-7CEE-45DA-8028-B360B21DFA5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2D47842D-E44A-4438-BAA9-2ED15AB9C1E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52BA19C5-070B-472A-A3FC-2293EF3A110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7E21A8F2-63D6-41FA-A437-91459E792D7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4856ed-ef08-4aca-8b07-77e5449fe378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D1CA1-CA59-9FF4-081A-76F5701CE80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iscussion slides for UTO-UCI content</a:t>
            </a:r>
            <a:endParaRPr lang="en-SE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A17B33E-F81A-4A0E-D1EC-7AC922F34F1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oderator (Ericsson)</a:t>
            </a:r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16030429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pSp>
        <p:nvGrpSpPr>
          <p:cNvPr id="98" name="Group 97">
            <a:extLst>
              <a:ext uri="{FF2B5EF4-FFF2-40B4-BE49-F238E27FC236}">
                <a16:creationId xmlns:a16="http://schemas.microsoft.com/office/drawing/2014/main" id="{AE2D368E-BF62-E94A-2986-02E80CE1E7A2}"/>
              </a:ext>
            </a:extLst>
          </p:cNvPr>
          <p:cNvGrpSpPr/>
          <p:nvPr/>
        </p:nvGrpSpPr>
        <p:grpSpPr>
          <a:xfrm>
            <a:off x="2502039" y="560142"/>
            <a:ext cx="6455212" cy="1525550"/>
            <a:chOff x="2502039" y="560142"/>
            <a:chExt cx="6455212" cy="1525550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190A0017-751E-F6A5-C5F3-23C87D2A3D74}"/>
                </a:ext>
              </a:extLst>
            </p:cNvPr>
            <p:cNvCxnSpPr/>
            <p:nvPr/>
          </p:nvCxnSpPr>
          <p:spPr>
            <a:xfrm>
              <a:off x="2502039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D727F61F-C4C2-7AEF-6417-17FBC2FE8DAF}"/>
                </a:ext>
              </a:extLst>
            </p:cNvPr>
            <p:cNvCxnSpPr/>
            <p:nvPr/>
          </p:nvCxnSpPr>
          <p:spPr>
            <a:xfrm>
              <a:off x="5722783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E5FB778B-B239-0A2E-72F2-0F2E4C46EFEF}"/>
                </a:ext>
              </a:extLst>
            </p:cNvPr>
            <p:cNvCxnSpPr/>
            <p:nvPr/>
          </p:nvCxnSpPr>
          <p:spPr>
            <a:xfrm>
              <a:off x="8957251" y="560142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958335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6250074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9223966" y="607209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5DEC028E-A279-E3EC-4DAE-5EEE581B5A27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E26B2BD7-C446-70A5-CAE1-7D5D8B328FF7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2796502" y="1342499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2796502" y="134249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992244" y="1541239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A0B44C47-B414-F9B6-2BDA-8C803CBE4438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5662363" y="1063724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5662363" y="1063724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6037787" y="1338785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858109" y="1251313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233529" y="1537525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6DD2BF33-0E30-6F7D-B086-ADDF633331E1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10546590" y="1063723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10546590" y="106372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10742336" y="1251312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99" name="Group 98">
            <a:extLst>
              <a:ext uri="{FF2B5EF4-FFF2-40B4-BE49-F238E27FC236}">
                <a16:creationId xmlns:a16="http://schemas.microsoft.com/office/drawing/2014/main" id="{EC5F8858-3C9A-786D-7590-8E5672E95DB9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8892497" y="1060009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8892497" y="106000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9088243" y="1247598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97" name="Group 96">
            <a:extLst>
              <a:ext uri="{FF2B5EF4-FFF2-40B4-BE49-F238E27FC236}">
                <a16:creationId xmlns:a16="http://schemas.microsoft.com/office/drawing/2014/main" id="{0C2C0247-94F4-EEF9-C0DA-5FEDB4249DDF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2085691"/>
            <a:chExt cx="8060367" cy="818878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2099061"/>
              <a:ext cx="3213308" cy="805508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2085691"/>
              <a:ext cx="3213308" cy="805508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96" name="Group 95">
            <a:extLst>
              <a:ext uri="{FF2B5EF4-FFF2-40B4-BE49-F238E27FC236}">
                <a16:creationId xmlns:a16="http://schemas.microsoft.com/office/drawing/2014/main" id="{10415469-150A-9B96-23C1-CBBED9098B49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5" name="Group 94">
            <a:extLst>
              <a:ext uri="{FF2B5EF4-FFF2-40B4-BE49-F238E27FC236}">
                <a16:creationId xmlns:a16="http://schemas.microsoft.com/office/drawing/2014/main" id="{98A59622-E095-837F-8922-73C51460DDF2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4100381" y="2446259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4300201" y="2481291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4100381" y="2446259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832BB3-FEF5-BA28-7A1D-6D4131092F8D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5724746" y="2442545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5924566" y="2477577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5724746" y="2442545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25DDECA1-F49A-D90A-4981-02F471D08D3F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7349102" y="2438831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7548922" y="2473863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7349102" y="2438831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2" name="Group 91">
            <a:extLst>
              <a:ext uri="{FF2B5EF4-FFF2-40B4-BE49-F238E27FC236}">
                <a16:creationId xmlns:a16="http://schemas.microsoft.com/office/drawing/2014/main" id="{157A578F-D7D4-4FBF-9FD3-72FE9589594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8962313" y="2435117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9162133" y="2470149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8962313" y="2435117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6366052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0A0017-751E-F6A5-C5F3-23C87D2A3D74}"/>
              </a:ext>
            </a:extLst>
          </p:cNvPr>
          <p:cNvCxnSpPr/>
          <p:nvPr/>
        </p:nvCxnSpPr>
        <p:spPr>
          <a:xfrm>
            <a:off x="2502039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727F61F-C4C2-7AEF-6417-17FBC2FE8DAF}"/>
              </a:ext>
            </a:extLst>
          </p:cNvPr>
          <p:cNvCxnSpPr/>
          <p:nvPr/>
        </p:nvCxnSpPr>
        <p:spPr>
          <a:xfrm>
            <a:off x="5722783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E5FB778B-B239-0A2E-72F2-0F2E4C46EFEF}"/>
              </a:ext>
            </a:extLst>
          </p:cNvPr>
          <p:cNvCxnSpPr/>
          <p:nvPr/>
        </p:nvCxnSpPr>
        <p:spPr>
          <a:xfrm>
            <a:off x="8957251" y="56014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523441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5725968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8956339" y="618360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5050EA62-D4A4-FD0B-399C-D70BF8047CA4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4E3777F1-44D7-28F1-D321-7ED3A90ACBEF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4450595" y="1346213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F67E53A6-B359-F231-16E5-00CFB399FA0F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4075171" y="1071152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E4B2D72-B272-FBD6-AD2E-BA3E70259C30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4075171" y="1071152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FED66DC0-8CDC-C7CA-B4AD-B70B3D2794D1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4075171" y="1071152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27EAE9BB-0D4D-1777-836A-3F16A9889D9E}"/>
              </a:ext>
            </a:extLst>
          </p:cNvPr>
          <p:cNvCxnSpPr/>
          <p:nvPr/>
        </p:nvCxnSpPr>
        <p:spPr>
          <a:xfrm>
            <a:off x="4748908" y="582631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49A167C6-521E-0A57-8575-2B546093FAF8}"/>
              </a:ext>
            </a:extLst>
          </p:cNvPr>
          <p:cNvCxnSpPr/>
          <p:nvPr/>
        </p:nvCxnSpPr>
        <p:spPr>
          <a:xfrm>
            <a:off x="7967891" y="578916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F2682B9E-1FFF-6530-2846-05C76BE3A0FF}"/>
              </a:ext>
            </a:extLst>
          </p:cNvPr>
          <p:cNvCxnSpPr/>
          <p:nvPr/>
        </p:nvCxnSpPr>
        <p:spPr>
          <a:xfrm>
            <a:off x="11209172" y="58635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2535172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3141377" y="360374"/>
            <a:ext cx="3211556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6375229" y="1316482"/>
            <a:ext cx="3211556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337447296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100381" y="360374"/>
            <a:ext cx="2252552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349101" y="1316482"/>
            <a:ext cx="2237683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22206021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2" name="Group 1">
            <a:extLst>
              <a:ext uri="{FF2B5EF4-FFF2-40B4-BE49-F238E27FC236}">
                <a16:creationId xmlns:a16="http://schemas.microsoft.com/office/drawing/2014/main" id="{283C88E2-90C1-99C5-F756-D18073107E02}"/>
              </a:ext>
            </a:extLst>
          </p:cNvPr>
          <p:cNvGrpSpPr/>
          <p:nvPr/>
        </p:nvGrpSpPr>
        <p:grpSpPr>
          <a:xfrm>
            <a:off x="2977325" y="156755"/>
            <a:ext cx="2966270" cy="1595965"/>
            <a:chOff x="2977325" y="156755"/>
            <a:chExt cx="2966270" cy="1595965"/>
          </a:xfrm>
        </p:grpSpPr>
        <p:sp>
          <p:nvSpPr>
            <p:cNvPr id="99" name="TextBox 98">
              <a:extLst>
                <a:ext uri="{FF2B5EF4-FFF2-40B4-BE49-F238E27FC236}">
                  <a16:creationId xmlns:a16="http://schemas.microsoft.com/office/drawing/2014/main" id="{860B1F00-A9BD-400D-1199-EF821AC68DE6}"/>
                </a:ext>
              </a:extLst>
            </p:cNvPr>
            <p:cNvSpPr txBox="1"/>
            <p:nvPr/>
          </p:nvSpPr>
          <p:spPr>
            <a:xfrm>
              <a:off x="4755393" y="156755"/>
              <a:ext cx="1188202" cy="304800"/>
            </a:xfrm>
            <a:prstGeom prst="rect">
              <a:avLst/>
            </a:prstGeom>
            <a:noFill/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115" name="Connector: Elbow 114">
              <a:extLst>
                <a:ext uri="{FF2B5EF4-FFF2-40B4-BE49-F238E27FC236}">
                  <a16:creationId xmlns:a16="http://schemas.microsoft.com/office/drawing/2014/main" id="{D8DFDF79-C822-E338-F362-0ABA04657BD0}"/>
                </a:ext>
              </a:extLst>
            </p:cNvPr>
            <p:cNvCxnSpPr>
              <a:cxnSpLocks/>
            </p:cNvCxnSpPr>
            <p:nvPr/>
          </p:nvCxnSpPr>
          <p:spPr bwMode="auto">
            <a:xfrm rot="5400000" flipH="1" flipV="1">
              <a:off x="3137945" y="113341"/>
              <a:ext cx="1478759" cy="1800000"/>
            </a:xfrm>
            <a:prstGeom prst="bentConnector2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446066" y="360374"/>
            <a:ext cx="3211555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5758200" y="740296"/>
            <a:ext cx="221148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7382559" y="1061803"/>
            <a:ext cx="221148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650183" y="1366603"/>
            <a:ext cx="3236969" cy="398860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10569842" y="1606405"/>
            <a:ext cx="644606" cy="155343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6089820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631451" y="307383"/>
            <a:ext cx="1116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680726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384350" y="465049"/>
            <a:ext cx="792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9193564" y="1138053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7448953" y="-27041"/>
            <a:ext cx="540000" cy="30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628359" y="1401964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696288" y="819719"/>
            <a:ext cx="288000" cy="162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3239151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ption A</a:t>
            </a:r>
            <a:endParaRPr lang="en-SE" dirty="0"/>
          </a:p>
        </p:txBody>
      </p:sp>
      <p:grpSp>
        <p:nvGrpSpPr>
          <p:cNvPr id="156" name="Group 155">
            <a:extLst>
              <a:ext uri="{FF2B5EF4-FFF2-40B4-BE49-F238E27FC236}">
                <a16:creationId xmlns:a16="http://schemas.microsoft.com/office/drawing/2014/main" id="{64119125-E701-A05D-C56D-E03033504A79}"/>
              </a:ext>
            </a:extLst>
          </p:cNvPr>
          <p:cNvGrpSpPr/>
          <p:nvPr/>
        </p:nvGrpSpPr>
        <p:grpSpPr>
          <a:xfrm>
            <a:off x="198583" y="1427022"/>
            <a:ext cx="11916503" cy="1882917"/>
            <a:chOff x="198583" y="946734"/>
            <a:chExt cx="11916503" cy="1882917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C4E98967-DFDA-0F94-1BB6-81A9C9807CD0}"/>
                </a:ext>
              </a:extLst>
            </p:cNvPr>
            <p:cNvGrpSpPr/>
            <p:nvPr/>
          </p:nvGrpSpPr>
          <p:grpSpPr>
            <a:xfrm>
              <a:off x="198583" y="946734"/>
              <a:ext cx="11898466" cy="1821134"/>
              <a:chOff x="193964" y="3011058"/>
              <a:chExt cx="11898466" cy="1821134"/>
            </a:xfrm>
          </p:grpSpPr>
          <p:grpSp>
            <p:nvGrpSpPr>
              <p:cNvPr id="39" name="Group 38">
                <a:extLst>
                  <a:ext uri="{FF2B5EF4-FFF2-40B4-BE49-F238E27FC236}">
                    <a16:creationId xmlns:a16="http://schemas.microsoft.com/office/drawing/2014/main" id="{5085218F-2753-D734-51F6-34934E12B9AA}"/>
                  </a:ext>
                </a:extLst>
              </p:cNvPr>
              <p:cNvGrpSpPr/>
              <p:nvPr/>
            </p:nvGrpSpPr>
            <p:grpSpPr>
              <a:xfrm>
                <a:off x="193964" y="3598120"/>
                <a:ext cx="11898466" cy="1234072"/>
                <a:chOff x="193964" y="2326886"/>
                <a:chExt cx="11898466" cy="1234072"/>
              </a:xfrm>
            </p:grpSpPr>
            <p:cxnSp>
              <p:nvCxnSpPr>
                <p:cNvPr id="54" name="Straight Connector 53">
                  <a:extLst>
                    <a:ext uri="{FF2B5EF4-FFF2-40B4-BE49-F238E27FC236}">
                      <a16:creationId xmlns:a16="http://schemas.microsoft.com/office/drawing/2014/main" id="{8B51A41C-6588-A05E-7A29-6C8B9B2E9EAB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55" name="Straight Connector 54">
                  <a:extLst>
                    <a:ext uri="{FF2B5EF4-FFF2-40B4-BE49-F238E27FC236}">
                      <a16:creationId xmlns:a16="http://schemas.microsoft.com/office/drawing/2014/main" id="{15EA4441-ED44-FA3D-4741-DD0F458B860B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3118DC5-F89D-409E-9B9D-1D3E0647A4A0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66" name="Rectangle 65">
                    <a:extLst>
                      <a:ext uri="{FF2B5EF4-FFF2-40B4-BE49-F238E27FC236}">
                        <a16:creationId xmlns:a16="http://schemas.microsoft.com/office/drawing/2014/main" id="{29C89850-2041-50F9-C855-838DB7245B3E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3" name="Rectangle 72">
                    <a:extLst>
                      <a:ext uri="{FF2B5EF4-FFF2-40B4-BE49-F238E27FC236}">
                        <a16:creationId xmlns:a16="http://schemas.microsoft.com/office/drawing/2014/main" id="{9C081072-E9FF-1210-9556-A38788021A8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5" name="Rectangle 84">
                    <a:extLst>
                      <a:ext uri="{FF2B5EF4-FFF2-40B4-BE49-F238E27FC236}">
                        <a16:creationId xmlns:a16="http://schemas.microsoft.com/office/drawing/2014/main" id="{C5740C12-2FAE-D02E-CD69-CCF7D67AD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6" name="Rectangle 85">
                    <a:extLst>
                      <a:ext uri="{FF2B5EF4-FFF2-40B4-BE49-F238E27FC236}">
                        <a16:creationId xmlns:a16="http://schemas.microsoft.com/office/drawing/2014/main" id="{898B2F2C-7AE2-45B6-C396-557D1FBBFAC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7" name="Rectangle 86">
                    <a:extLst>
                      <a:ext uri="{FF2B5EF4-FFF2-40B4-BE49-F238E27FC236}">
                        <a16:creationId xmlns:a16="http://schemas.microsoft.com/office/drawing/2014/main" id="{90C70208-012B-3BBF-FC8D-637AD3CBFD5A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8" name="Rectangle 87">
                    <a:extLst>
                      <a:ext uri="{FF2B5EF4-FFF2-40B4-BE49-F238E27FC236}">
                        <a16:creationId xmlns:a16="http://schemas.microsoft.com/office/drawing/2014/main" id="{DF054588-B51A-B319-D9AB-73C49A5BDE8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89" name="Rectangle 88">
                    <a:extLst>
                      <a:ext uri="{FF2B5EF4-FFF2-40B4-BE49-F238E27FC236}">
                        <a16:creationId xmlns:a16="http://schemas.microsoft.com/office/drawing/2014/main" id="{F7E9A1CE-5F2A-8A57-9B98-8A0640055007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0" name="Rectangle 89">
                    <a:extLst>
                      <a:ext uri="{FF2B5EF4-FFF2-40B4-BE49-F238E27FC236}">
                        <a16:creationId xmlns:a16="http://schemas.microsoft.com/office/drawing/2014/main" id="{8AB5F900-909D-FE5A-1FFD-ED3656FF867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1" name="Rectangle 90">
                    <a:extLst>
                      <a:ext uri="{FF2B5EF4-FFF2-40B4-BE49-F238E27FC236}">
                        <a16:creationId xmlns:a16="http://schemas.microsoft.com/office/drawing/2014/main" id="{83FAE1B9-046F-2D78-A01F-F66B95489FE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2" name="Rectangle 91">
                    <a:extLst>
                      <a:ext uri="{FF2B5EF4-FFF2-40B4-BE49-F238E27FC236}">
                        <a16:creationId xmlns:a16="http://schemas.microsoft.com/office/drawing/2014/main" id="{774A8E82-BB44-E58C-BBDF-B88E91F79020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3" name="Rectangle 92">
                    <a:extLst>
                      <a:ext uri="{FF2B5EF4-FFF2-40B4-BE49-F238E27FC236}">
                        <a16:creationId xmlns:a16="http://schemas.microsoft.com/office/drawing/2014/main" id="{04ECE5A2-30C7-C32B-7F26-2F60D2F537A7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4" name="Rectangle 93">
                    <a:extLst>
                      <a:ext uri="{FF2B5EF4-FFF2-40B4-BE49-F238E27FC236}">
                        <a16:creationId xmlns:a16="http://schemas.microsoft.com/office/drawing/2014/main" id="{78A1F154-CDC3-D520-BBB2-1D79CBBA0D2E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5" name="Rectangle 94">
                    <a:extLst>
                      <a:ext uri="{FF2B5EF4-FFF2-40B4-BE49-F238E27FC236}">
                        <a16:creationId xmlns:a16="http://schemas.microsoft.com/office/drawing/2014/main" id="{D05CB9EB-BD93-2615-6CC7-306295DCB0A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6" name="Rectangle 95">
                    <a:extLst>
                      <a:ext uri="{FF2B5EF4-FFF2-40B4-BE49-F238E27FC236}">
                        <a16:creationId xmlns:a16="http://schemas.microsoft.com/office/drawing/2014/main" id="{FA5EED35-EB2E-294D-0282-E22040C3E5F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97" name="Rectangle 96">
                    <a:extLst>
                      <a:ext uri="{FF2B5EF4-FFF2-40B4-BE49-F238E27FC236}">
                        <a16:creationId xmlns:a16="http://schemas.microsoft.com/office/drawing/2014/main" id="{F1AD4BE0-B1CF-A19D-C79B-5758277A5E2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  <p:sp>
              <p:nvSpPr>
                <p:cNvPr id="57" name="Rectangle 56">
                  <a:extLst>
                    <a:ext uri="{FF2B5EF4-FFF2-40B4-BE49-F238E27FC236}">
                      <a16:creationId xmlns:a16="http://schemas.microsoft.com/office/drawing/2014/main" id="{2838C516-4828-39C9-915C-9DBC5E411A56}"/>
                    </a:ext>
                  </a:extLst>
                </p:cNvPr>
                <p:cNvSpPr/>
                <p:nvPr/>
              </p:nvSpPr>
              <p:spPr bwMode="auto">
                <a:xfrm>
                  <a:off x="290231" y="2330605"/>
                  <a:ext cx="3859421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64" name="Rectangle 63">
                  <a:extLst>
                    <a:ext uri="{FF2B5EF4-FFF2-40B4-BE49-F238E27FC236}">
                      <a16:creationId xmlns:a16="http://schemas.microsoft.com/office/drawing/2014/main" id="{B2521085-551E-DF59-AAF9-CF8EF666AABD}"/>
                    </a:ext>
                  </a:extLst>
                </p:cNvPr>
                <p:cNvSpPr/>
                <p:nvPr/>
              </p:nvSpPr>
              <p:spPr bwMode="auto">
                <a:xfrm>
                  <a:off x="4149652" y="2326886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65" name="Rectangle 64">
                  <a:extLst>
                    <a:ext uri="{FF2B5EF4-FFF2-40B4-BE49-F238E27FC236}">
                      <a16:creationId xmlns:a16="http://schemas.microsoft.com/office/drawing/2014/main" id="{AD569F3E-EFE6-D5F5-47C3-7C7F3CA7E183}"/>
                    </a:ext>
                  </a:extLst>
                </p:cNvPr>
                <p:cNvSpPr/>
                <p:nvPr/>
              </p:nvSpPr>
              <p:spPr bwMode="auto">
                <a:xfrm>
                  <a:off x="8046723" y="2334327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</p:grpSp>
          <p:sp>
            <p:nvSpPr>
              <p:cNvPr id="40" name="Left Brace 39">
                <a:extLst>
                  <a:ext uri="{FF2B5EF4-FFF2-40B4-BE49-F238E27FC236}">
                    <a16:creationId xmlns:a16="http://schemas.microsoft.com/office/drawing/2014/main" id="{4CFAD0CE-6CFE-1B8E-2639-915FE9EA5CE9}"/>
                  </a:ext>
                </a:extLst>
              </p:cNvPr>
              <p:cNvSpPr/>
              <p:nvPr/>
            </p:nvSpPr>
            <p:spPr bwMode="auto">
              <a:xfrm rot="5400000" flipV="1">
                <a:off x="2037319" y="175325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51D79C37-C30B-8D02-D018-B7FF59E242F4}"/>
                  </a:ext>
                </a:extLst>
              </p:cNvPr>
              <p:cNvSpPr txBox="1"/>
              <p:nvPr/>
            </p:nvSpPr>
            <p:spPr>
              <a:xfrm>
                <a:off x="1881398" y="3011058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=5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50" name="Left Brace 49">
                <a:extLst>
                  <a:ext uri="{FF2B5EF4-FFF2-40B4-BE49-F238E27FC236}">
                    <a16:creationId xmlns:a16="http://schemas.microsoft.com/office/drawing/2014/main" id="{44DDF387-5E8A-F831-153C-55F41C4B7E10}"/>
                  </a:ext>
                </a:extLst>
              </p:cNvPr>
              <p:cNvSpPr/>
              <p:nvPr/>
            </p:nvSpPr>
            <p:spPr bwMode="auto">
              <a:xfrm rot="5400000" flipV="1">
                <a:off x="5930450" y="1767114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1FB9E2E4-087F-5221-41C9-312D5A46735E}"/>
                  </a:ext>
                </a:extLst>
              </p:cNvPr>
              <p:cNvSpPr txBox="1"/>
              <p:nvPr/>
            </p:nvSpPr>
            <p:spPr>
              <a:xfrm>
                <a:off x="5774529" y="3024914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52" name="Left Brace 51">
                <a:extLst>
                  <a:ext uri="{FF2B5EF4-FFF2-40B4-BE49-F238E27FC236}">
                    <a16:creationId xmlns:a16="http://schemas.microsoft.com/office/drawing/2014/main" id="{05D051B5-F860-8A37-B091-EF16827ED80D}"/>
                  </a:ext>
                </a:extLst>
              </p:cNvPr>
              <p:cNvSpPr/>
              <p:nvPr/>
            </p:nvSpPr>
            <p:spPr bwMode="auto">
              <a:xfrm rot="5400000" flipV="1">
                <a:off x="9842058" y="176249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53" name="TextBox 52">
                <a:extLst>
                  <a:ext uri="{FF2B5EF4-FFF2-40B4-BE49-F238E27FC236}">
                    <a16:creationId xmlns:a16="http://schemas.microsoft.com/office/drawing/2014/main" id="{7EB5164B-1012-F637-DA0E-D9A63F3CE882}"/>
                  </a:ext>
                </a:extLst>
              </p:cNvPr>
              <p:cNvSpPr txBox="1"/>
              <p:nvPr/>
            </p:nvSpPr>
            <p:spPr>
              <a:xfrm>
                <a:off x="9667665" y="3048006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cxnSp>
          <p:nvCxnSpPr>
            <p:cNvPr id="101" name="Straight Arrow Connector 100">
              <a:extLst>
                <a:ext uri="{FF2B5EF4-FFF2-40B4-BE49-F238E27FC236}">
                  <a16:creationId xmlns:a16="http://schemas.microsoft.com/office/drawing/2014/main" id="{23A29BC9-A9F9-8CFE-197A-28514691923B}"/>
                </a:ext>
              </a:extLst>
            </p:cNvPr>
            <p:cNvCxnSpPr>
              <a:stCxn id="66" idx="0"/>
            </p:cNvCxnSpPr>
            <p:nvPr/>
          </p:nvCxnSpPr>
          <p:spPr bwMode="auto">
            <a:xfrm flipH="1" flipV="1">
              <a:off x="630040" y="1450109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02" name="Straight Arrow Connector 101">
              <a:extLst>
                <a:ext uri="{FF2B5EF4-FFF2-40B4-BE49-F238E27FC236}">
                  <a16:creationId xmlns:a16="http://schemas.microsoft.com/office/drawing/2014/main" id="{C3042B2B-9DE5-4D0C-8A02-8A67215E9E08}"/>
                </a:ext>
              </a:extLst>
            </p:cNvPr>
            <p:cNvCxnSpPr/>
            <p:nvPr/>
          </p:nvCxnSpPr>
          <p:spPr bwMode="auto">
            <a:xfrm flipH="1" flipV="1">
              <a:off x="1447298" y="14639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3" name="Straight Arrow Connector 132">
              <a:extLst>
                <a:ext uri="{FF2B5EF4-FFF2-40B4-BE49-F238E27FC236}">
                  <a16:creationId xmlns:a16="http://schemas.microsoft.com/office/drawing/2014/main" id="{C5483F73-470C-9C53-D093-370424E16F9F}"/>
                </a:ext>
              </a:extLst>
            </p:cNvPr>
            <p:cNvCxnSpPr/>
            <p:nvPr/>
          </p:nvCxnSpPr>
          <p:spPr bwMode="auto">
            <a:xfrm flipH="1" flipV="1">
              <a:off x="2225877" y="14416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4" name="Straight Arrow Connector 133">
              <a:extLst>
                <a:ext uri="{FF2B5EF4-FFF2-40B4-BE49-F238E27FC236}">
                  <a16:creationId xmlns:a16="http://schemas.microsoft.com/office/drawing/2014/main" id="{B3983D03-FDAD-445F-6B6B-E25A0A23E255}"/>
                </a:ext>
              </a:extLst>
            </p:cNvPr>
            <p:cNvCxnSpPr/>
            <p:nvPr/>
          </p:nvCxnSpPr>
          <p:spPr bwMode="auto">
            <a:xfrm flipH="1" flipV="1">
              <a:off x="2987698" y="1455630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5" name="Straight Arrow Connector 134">
              <a:extLst>
                <a:ext uri="{FF2B5EF4-FFF2-40B4-BE49-F238E27FC236}">
                  <a16:creationId xmlns:a16="http://schemas.microsoft.com/office/drawing/2014/main" id="{DDB54806-B801-54DF-EF60-632808702663}"/>
                </a:ext>
              </a:extLst>
            </p:cNvPr>
            <p:cNvCxnSpPr/>
            <p:nvPr/>
          </p:nvCxnSpPr>
          <p:spPr bwMode="auto">
            <a:xfrm flipH="1" flipV="1">
              <a:off x="3778696" y="1441614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6" name="Straight Arrow Connector 135">
              <a:extLst>
                <a:ext uri="{FF2B5EF4-FFF2-40B4-BE49-F238E27FC236}">
                  <a16:creationId xmlns:a16="http://schemas.microsoft.com/office/drawing/2014/main" id="{20E72D8A-F546-7171-B860-601498024272}"/>
                </a:ext>
              </a:extLst>
            </p:cNvPr>
            <p:cNvCxnSpPr/>
            <p:nvPr/>
          </p:nvCxnSpPr>
          <p:spPr bwMode="auto">
            <a:xfrm flipH="1" flipV="1">
              <a:off x="6119009" y="1455472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7" name="Straight Arrow Connector 136">
              <a:extLst>
                <a:ext uri="{FF2B5EF4-FFF2-40B4-BE49-F238E27FC236}">
                  <a16:creationId xmlns:a16="http://schemas.microsoft.com/office/drawing/2014/main" id="{230BF36A-3D7B-B215-F222-30E2AF588B13}"/>
                </a:ext>
              </a:extLst>
            </p:cNvPr>
            <p:cNvCxnSpPr/>
            <p:nvPr/>
          </p:nvCxnSpPr>
          <p:spPr bwMode="auto">
            <a:xfrm flipH="1" flipV="1">
              <a:off x="7671828" y="1455472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38" name="Straight Arrow Connector 137">
              <a:extLst>
                <a:ext uri="{FF2B5EF4-FFF2-40B4-BE49-F238E27FC236}">
                  <a16:creationId xmlns:a16="http://schemas.microsoft.com/office/drawing/2014/main" id="{6FAE970C-9411-8843-BA86-50F9BD5B2479}"/>
                </a:ext>
              </a:extLst>
            </p:cNvPr>
            <p:cNvCxnSpPr/>
            <p:nvPr/>
          </p:nvCxnSpPr>
          <p:spPr bwMode="auto">
            <a:xfrm flipH="1" flipV="1">
              <a:off x="11576552" y="1453713"/>
              <a:ext cx="4619" cy="343884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sp>
          <p:nvSpPr>
            <p:cNvPr id="139" name="TextBox 138">
              <a:extLst>
                <a:ext uri="{FF2B5EF4-FFF2-40B4-BE49-F238E27FC236}">
                  <a16:creationId xmlns:a16="http://schemas.microsoft.com/office/drawing/2014/main" id="{94029CEA-CC54-1F17-BFE4-A7907F2133BE}"/>
                </a:ext>
              </a:extLst>
            </p:cNvPr>
            <p:cNvSpPr txBox="1"/>
            <p:nvPr/>
          </p:nvSpPr>
          <p:spPr>
            <a:xfrm>
              <a:off x="204097" y="2482261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0" name="TextBox 139">
              <a:extLst>
                <a:ext uri="{FF2B5EF4-FFF2-40B4-BE49-F238E27FC236}">
                  <a16:creationId xmlns:a16="http://schemas.microsoft.com/office/drawing/2014/main" id="{BF7AA8C0-2518-F771-9D07-4D3A53E13576}"/>
                </a:ext>
              </a:extLst>
            </p:cNvPr>
            <p:cNvSpPr txBox="1"/>
            <p:nvPr/>
          </p:nvSpPr>
          <p:spPr>
            <a:xfrm>
              <a:off x="1030753" y="249611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1" name="TextBox 140">
              <a:extLst>
                <a:ext uri="{FF2B5EF4-FFF2-40B4-BE49-F238E27FC236}">
                  <a16:creationId xmlns:a16="http://schemas.microsoft.com/office/drawing/2014/main" id="{1FA31EB4-E408-1A1D-DB16-0125BE3D74D7}"/>
                </a:ext>
              </a:extLst>
            </p:cNvPr>
            <p:cNvSpPr txBox="1"/>
            <p:nvPr/>
          </p:nvSpPr>
          <p:spPr>
            <a:xfrm>
              <a:off x="1838931" y="2500739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2" name="TextBox 141">
              <a:extLst>
                <a:ext uri="{FF2B5EF4-FFF2-40B4-BE49-F238E27FC236}">
                  <a16:creationId xmlns:a16="http://schemas.microsoft.com/office/drawing/2014/main" id="{4806A48F-81D0-7750-4789-8E523C499B89}"/>
                </a:ext>
              </a:extLst>
            </p:cNvPr>
            <p:cNvSpPr txBox="1"/>
            <p:nvPr/>
          </p:nvSpPr>
          <p:spPr>
            <a:xfrm>
              <a:off x="2591693" y="2505358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3" name="TextBox 142">
              <a:extLst>
                <a:ext uri="{FF2B5EF4-FFF2-40B4-BE49-F238E27FC236}">
                  <a16:creationId xmlns:a16="http://schemas.microsoft.com/office/drawing/2014/main" id="{8C246D2C-0D0A-81C2-12A0-197BC9C7D48F}"/>
                </a:ext>
              </a:extLst>
            </p:cNvPr>
            <p:cNvSpPr txBox="1"/>
            <p:nvPr/>
          </p:nvSpPr>
          <p:spPr>
            <a:xfrm>
              <a:off x="3370489" y="2503832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4" name="TextBox 143">
              <a:extLst>
                <a:ext uri="{FF2B5EF4-FFF2-40B4-BE49-F238E27FC236}">
                  <a16:creationId xmlns:a16="http://schemas.microsoft.com/office/drawing/2014/main" id="{24A3954C-9854-A609-52BB-B948B9B71148}"/>
                </a:ext>
              </a:extLst>
            </p:cNvPr>
            <p:cNvSpPr txBox="1"/>
            <p:nvPr/>
          </p:nvSpPr>
          <p:spPr>
            <a:xfrm>
              <a:off x="5685883" y="248688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0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5" name="TextBox 144">
              <a:extLst>
                <a:ext uri="{FF2B5EF4-FFF2-40B4-BE49-F238E27FC236}">
                  <a16:creationId xmlns:a16="http://schemas.microsoft.com/office/drawing/2014/main" id="{7FE5F0D9-BEB6-6D41-C25F-B2743C05C2C1}"/>
                </a:ext>
              </a:extLst>
            </p:cNvPr>
            <p:cNvSpPr txBox="1"/>
            <p:nvPr/>
          </p:nvSpPr>
          <p:spPr>
            <a:xfrm>
              <a:off x="7251444" y="2482272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0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6" name="TextBox 145">
              <a:extLst>
                <a:ext uri="{FF2B5EF4-FFF2-40B4-BE49-F238E27FC236}">
                  <a16:creationId xmlns:a16="http://schemas.microsoft.com/office/drawing/2014/main" id="{D9591941-DD0C-94CB-EB5A-2A75332F3F21}"/>
                </a:ext>
              </a:extLst>
            </p:cNvPr>
            <p:cNvSpPr txBox="1"/>
            <p:nvPr/>
          </p:nvSpPr>
          <p:spPr>
            <a:xfrm>
              <a:off x="11200686" y="2496117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</p:grpSp>
      <p:grpSp>
        <p:nvGrpSpPr>
          <p:cNvPr id="155" name="Group 154">
            <a:extLst>
              <a:ext uri="{FF2B5EF4-FFF2-40B4-BE49-F238E27FC236}">
                <a16:creationId xmlns:a16="http://schemas.microsoft.com/office/drawing/2014/main" id="{4B3E8F00-6603-67B5-D2BA-74191D655F76}"/>
              </a:ext>
            </a:extLst>
          </p:cNvPr>
          <p:cNvGrpSpPr/>
          <p:nvPr/>
        </p:nvGrpSpPr>
        <p:grpSpPr>
          <a:xfrm>
            <a:off x="193964" y="3971635"/>
            <a:ext cx="11898466" cy="2097079"/>
            <a:chOff x="193964" y="3971635"/>
            <a:chExt cx="11898466" cy="2097079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2A56FA24-0688-5FA8-893A-525BC4FEC287}"/>
                </a:ext>
              </a:extLst>
            </p:cNvPr>
            <p:cNvGrpSpPr/>
            <p:nvPr/>
          </p:nvGrpSpPr>
          <p:grpSpPr>
            <a:xfrm>
              <a:off x="193964" y="3971635"/>
              <a:ext cx="11898466" cy="2009121"/>
              <a:chOff x="193964" y="3205020"/>
              <a:chExt cx="11898466" cy="2009121"/>
            </a:xfrm>
          </p:grpSpPr>
          <p:grpSp>
            <p:nvGrpSpPr>
              <p:cNvPr id="82" name="Group 81">
                <a:extLst>
                  <a:ext uri="{FF2B5EF4-FFF2-40B4-BE49-F238E27FC236}">
                    <a16:creationId xmlns:a16="http://schemas.microsoft.com/office/drawing/2014/main" id="{97D86CFB-D9CA-77CB-57DF-AC2CE80C88E3}"/>
                  </a:ext>
                </a:extLst>
              </p:cNvPr>
              <p:cNvGrpSpPr/>
              <p:nvPr/>
            </p:nvGrpSpPr>
            <p:grpSpPr>
              <a:xfrm>
                <a:off x="193964" y="3598120"/>
                <a:ext cx="11898466" cy="1234072"/>
                <a:chOff x="193964" y="2326886"/>
                <a:chExt cx="11898466" cy="1234072"/>
              </a:xfrm>
            </p:grpSpPr>
            <p:cxnSp>
              <p:nvCxnSpPr>
                <p:cNvPr id="33" name="Straight Connector 32">
                  <a:extLst>
                    <a:ext uri="{FF2B5EF4-FFF2-40B4-BE49-F238E27FC236}">
                      <a16:creationId xmlns:a16="http://schemas.microsoft.com/office/drawing/2014/main" id="{1BC36E23-DDB4-9418-69A1-E595129C45E4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74" name="Straight Connector 73">
                  <a:extLst>
                    <a:ext uri="{FF2B5EF4-FFF2-40B4-BE49-F238E27FC236}">
                      <a16:creationId xmlns:a16="http://schemas.microsoft.com/office/drawing/2014/main" id="{AD1BB98C-F0E3-82C8-1E66-38F7FE385CCA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78" name="Group 77">
                  <a:extLst>
                    <a:ext uri="{FF2B5EF4-FFF2-40B4-BE49-F238E27FC236}">
                      <a16:creationId xmlns:a16="http://schemas.microsoft.com/office/drawing/2014/main" id="{84124995-3C4E-BFF1-06C4-2479E90125FB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58" name="Rectangle 57">
                    <a:extLst>
                      <a:ext uri="{FF2B5EF4-FFF2-40B4-BE49-F238E27FC236}">
                        <a16:creationId xmlns:a16="http://schemas.microsoft.com/office/drawing/2014/main" id="{BF0CAE12-DC84-1FCC-3070-C41FE513F40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59" name="Rectangle 58">
                    <a:extLst>
                      <a:ext uri="{FF2B5EF4-FFF2-40B4-BE49-F238E27FC236}">
                        <a16:creationId xmlns:a16="http://schemas.microsoft.com/office/drawing/2014/main" id="{77C58382-FF69-4FEF-DA0C-3DA615B4F0C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0" name="Rectangle 59">
                    <a:extLst>
                      <a:ext uri="{FF2B5EF4-FFF2-40B4-BE49-F238E27FC236}">
                        <a16:creationId xmlns:a16="http://schemas.microsoft.com/office/drawing/2014/main" id="{48ED903F-99B0-3E65-7FC9-D5A2E7D01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1" name="Rectangle 60">
                    <a:extLst>
                      <a:ext uri="{FF2B5EF4-FFF2-40B4-BE49-F238E27FC236}">
                        <a16:creationId xmlns:a16="http://schemas.microsoft.com/office/drawing/2014/main" id="{3B131151-5863-F937-083A-8D57A7124395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2" name="Rectangle 61">
                    <a:extLst>
                      <a:ext uri="{FF2B5EF4-FFF2-40B4-BE49-F238E27FC236}">
                        <a16:creationId xmlns:a16="http://schemas.microsoft.com/office/drawing/2014/main" id="{B4314D71-0316-D772-259B-033D64FEE16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3" name="Rectangle 62">
                    <a:extLst>
                      <a:ext uri="{FF2B5EF4-FFF2-40B4-BE49-F238E27FC236}">
                        <a16:creationId xmlns:a16="http://schemas.microsoft.com/office/drawing/2014/main" id="{D6C10F75-1D26-1E26-A71F-A634B60D5DB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7" name="Rectangle 66">
                    <a:extLst>
                      <a:ext uri="{FF2B5EF4-FFF2-40B4-BE49-F238E27FC236}">
                        <a16:creationId xmlns:a16="http://schemas.microsoft.com/office/drawing/2014/main" id="{583A09DD-D93C-4F1D-98EF-A084E2CD08E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8" name="Rectangle 67">
                    <a:extLst>
                      <a:ext uri="{FF2B5EF4-FFF2-40B4-BE49-F238E27FC236}">
                        <a16:creationId xmlns:a16="http://schemas.microsoft.com/office/drawing/2014/main" id="{038F704C-6C5A-50D1-C4BD-8D72AEAE4B8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9" name="Rectangle 68">
                    <a:extLst>
                      <a:ext uri="{FF2B5EF4-FFF2-40B4-BE49-F238E27FC236}">
                        <a16:creationId xmlns:a16="http://schemas.microsoft.com/office/drawing/2014/main" id="{F8AD7F6D-1147-107F-C294-B913C11B2F8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0" name="Rectangle 69">
                    <a:extLst>
                      <a:ext uri="{FF2B5EF4-FFF2-40B4-BE49-F238E27FC236}">
                        <a16:creationId xmlns:a16="http://schemas.microsoft.com/office/drawing/2014/main" id="{61BE4C8B-2EE8-BE94-BF8A-32247476E79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1" name="Rectangle 70">
                    <a:extLst>
                      <a:ext uri="{FF2B5EF4-FFF2-40B4-BE49-F238E27FC236}">
                        <a16:creationId xmlns:a16="http://schemas.microsoft.com/office/drawing/2014/main" id="{A213F3B4-0D3E-1D0E-4EA4-43A7EAB9E28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2" name="Rectangle 71">
                    <a:extLst>
                      <a:ext uri="{FF2B5EF4-FFF2-40B4-BE49-F238E27FC236}">
                        <a16:creationId xmlns:a16="http://schemas.microsoft.com/office/drawing/2014/main" id="{2657639B-EF8A-F783-783E-692F29FF826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5" name="Rectangle 74">
                    <a:extLst>
                      <a:ext uri="{FF2B5EF4-FFF2-40B4-BE49-F238E27FC236}">
                        <a16:creationId xmlns:a16="http://schemas.microsoft.com/office/drawing/2014/main" id="{91274B48-E69C-C636-4A0A-BC833430BCA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6" name="Rectangle 75">
                    <a:extLst>
                      <a:ext uri="{FF2B5EF4-FFF2-40B4-BE49-F238E27FC236}">
                        <a16:creationId xmlns:a16="http://schemas.microsoft.com/office/drawing/2014/main" id="{FD5AA28B-8A0B-4E80-26B8-02B43B61633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7" name="Rectangle 76">
                    <a:extLst>
                      <a:ext uri="{FF2B5EF4-FFF2-40B4-BE49-F238E27FC236}">
                        <a16:creationId xmlns:a16="http://schemas.microsoft.com/office/drawing/2014/main" id="{5919DF0D-D2BD-4510-1C93-E4A865144DCB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  <p:sp>
              <p:nvSpPr>
                <p:cNvPr id="79" name="Rectangle 78">
                  <a:extLst>
                    <a:ext uri="{FF2B5EF4-FFF2-40B4-BE49-F238E27FC236}">
                      <a16:creationId xmlns:a16="http://schemas.microsoft.com/office/drawing/2014/main" id="{23C8E0F9-6CDF-6D1A-007F-D31AC4EC58FC}"/>
                    </a:ext>
                  </a:extLst>
                </p:cNvPr>
                <p:cNvSpPr/>
                <p:nvPr/>
              </p:nvSpPr>
              <p:spPr bwMode="auto">
                <a:xfrm>
                  <a:off x="290231" y="2330605"/>
                  <a:ext cx="3859421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80" name="Rectangle 79">
                  <a:extLst>
                    <a:ext uri="{FF2B5EF4-FFF2-40B4-BE49-F238E27FC236}">
                      <a16:creationId xmlns:a16="http://schemas.microsoft.com/office/drawing/2014/main" id="{84CF6F40-BDA2-FA33-1261-202D9A8A1662}"/>
                    </a:ext>
                  </a:extLst>
                </p:cNvPr>
                <p:cNvSpPr/>
                <p:nvPr/>
              </p:nvSpPr>
              <p:spPr bwMode="auto">
                <a:xfrm>
                  <a:off x="4149652" y="2326886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  <p:sp>
              <p:nvSpPr>
                <p:cNvPr id="81" name="Rectangle 80">
                  <a:extLst>
                    <a:ext uri="{FF2B5EF4-FFF2-40B4-BE49-F238E27FC236}">
                      <a16:creationId xmlns:a16="http://schemas.microsoft.com/office/drawing/2014/main" id="{5FE0B151-4606-9768-1207-3C818306E70F}"/>
                    </a:ext>
                  </a:extLst>
                </p:cNvPr>
                <p:cNvSpPr/>
                <p:nvPr/>
              </p:nvSpPr>
              <p:spPr bwMode="auto">
                <a:xfrm>
                  <a:off x="8046723" y="2334327"/>
                  <a:ext cx="3886853" cy="1226631"/>
                </a:xfrm>
                <a:prstGeom prst="rect">
                  <a:avLst/>
                </a:prstGeom>
                <a:noFill/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accent4"/>
                </a:lnRef>
                <a:fillRef idx="1">
                  <a:schemeClr val="lt1"/>
                </a:fillRef>
                <a:effectRef idx="0">
                  <a:schemeClr val="accent4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180000" indent="-180000" algn="l">
                    <a:spcBef>
                      <a:spcPts val="800"/>
                    </a:spcBef>
                    <a:buFont typeface="Ericsson Hilda" panose="00000500000000000000" pitchFamily="2" charset="0"/>
                    <a:buChar char="●"/>
                  </a:pPr>
                  <a:endParaRPr lang="en-SE" dirty="0" err="1">
                    <a:solidFill>
                      <a:schemeClr val="bg1"/>
                    </a:solidFill>
                  </a:endParaRPr>
                </a:p>
              </p:txBody>
            </p:sp>
          </p:grpSp>
          <p:sp>
            <p:nvSpPr>
              <p:cNvPr id="5" name="Left Brace 4">
                <a:extLst>
                  <a:ext uri="{FF2B5EF4-FFF2-40B4-BE49-F238E27FC236}">
                    <a16:creationId xmlns:a16="http://schemas.microsoft.com/office/drawing/2014/main" id="{6E1DEB76-F8DA-16BD-252D-78377871D17E}"/>
                  </a:ext>
                </a:extLst>
              </p:cNvPr>
              <p:cNvSpPr/>
              <p:nvPr/>
            </p:nvSpPr>
            <p:spPr bwMode="auto">
              <a:xfrm rot="5400000" flipV="1">
                <a:off x="2055791" y="1947220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6" name="Left Brace 5">
                <a:extLst>
                  <a:ext uri="{FF2B5EF4-FFF2-40B4-BE49-F238E27FC236}">
                    <a16:creationId xmlns:a16="http://schemas.microsoft.com/office/drawing/2014/main" id="{9263672A-7FB9-6061-C3DC-99B6CF0D97BF}"/>
                  </a:ext>
                </a:extLst>
              </p:cNvPr>
              <p:cNvSpPr/>
              <p:nvPr/>
            </p:nvSpPr>
            <p:spPr bwMode="auto">
              <a:xfrm rot="16200000">
                <a:off x="3264693" y="4133027"/>
                <a:ext cx="302185" cy="123997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7" name="Left Brace 6">
                <a:extLst>
                  <a:ext uri="{FF2B5EF4-FFF2-40B4-BE49-F238E27FC236}">
                    <a16:creationId xmlns:a16="http://schemas.microsoft.com/office/drawing/2014/main" id="{FD668A73-05AC-7956-4AAA-6B75EA591EF4}"/>
                  </a:ext>
                </a:extLst>
              </p:cNvPr>
              <p:cNvSpPr/>
              <p:nvPr/>
            </p:nvSpPr>
            <p:spPr bwMode="auto">
              <a:xfrm rot="16200000">
                <a:off x="2774304" y="3979861"/>
                <a:ext cx="485045" cy="1983515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10" name="Connector: Elbow 9">
                <a:extLst>
                  <a:ext uri="{FF2B5EF4-FFF2-40B4-BE49-F238E27FC236}">
                    <a16:creationId xmlns:a16="http://schemas.microsoft.com/office/drawing/2014/main" id="{174ADD6D-15B8-B4D1-6C75-ABCB59AB4D00}"/>
                  </a:ext>
                </a:extLst>
              </p:cNvPr>
              <p:cNvCxnSpPr>
                <a:stCxn id="58" idx="2"/>
                <a:endCxn id="7" idx="1"/>
              </p:cNvCxnSpPr>
              <p:nvPr/>
            </p:nvCxnSpPr>
            <p:spPr bwMode="auto">
              <a:xfrm rot="16200000" flipH="1">
                <a:off x="1502361" y="3699674"/>
                <a:ext cx="642145" cy="2386787"/>
              </a:xfrm>
              <a:prstGeom prst="bentConnector3">
                <a:avLst>
                  <a:gd name="adj1" fmla="val 130015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</p:cxnSp>
          <p:cxnSp>
            <p:nvCxnSpPr>
              <p:cNvPr id="14" name="Connector: Elbow 13">
                <a:extLst>
                  <a:ext uri="{FF2B5EF4-FFF2-40B4-BE49-F238E27FC236}">
                    <a16:creationId xmlns:a16="http://schemas.microsoft.com/office/drawing/2014/main" id="{476ED813-E778-A466-7C5A-1C6255EA637F}"/>
                  </a:ext>
                </a:extLst>
              </p:cNvPr>
              <p:cNvCxnSpPr>
                <a:cxnSpLocks/>
                <a:stCxn id="59" idx="2"/>
                <a:endCxn id="6" idx="1"/>
              </p:cNvCxnSpPr>
              <p:nvPr/>
            </p:nvCxnSpPr>
            <p:spPr bwMode="auto">
              <a:xfrm rot="16200000" flipH="1">
                <a:off x="2265398" y="3753718"/>
                <a:ext cx="332110" cy="1968666"/>
              </a:xfrm>
              <a:prstGeom prst="bentConnector3">
                <a:avLst>
                  <a:gd name="adj1" fmla="val 310019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16" name="Left Brace 15">
                <a:extLst>
                  <a:ext uri="{FF2B5EF4-FFF2-40B4-BE49-F238E27FC236}">
                    <a16:creationId xmlns:a16="http://schemas.microsoft.com/office/drawing/2014/main" id="{D9E0AEC2-B476-C3C0-F9E7-2BA2B0131EE7}"/>
                  </a:ext>
                </a:extLst>
              </p:cNvPr>
              <p:cNvSpPr/>
              <p:nvPr/>
            </p:nvSpPr>
            <p:spPr bwMode="auto">
              <a:xfrm rot="16200000">
                <a:off x="3553289" y="4391691"/>
                <a:ext cx="489528" cy="47544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18" name="Connector: Elbow 17">
                <a:extLst>
                  <a:ext uri="{FF2B5EF4-FFF2-40B4-BE49-F238E27FC236}">
                    <a16:creationId xmlns:a16="http://schemas.microsoft.com/office/drawing/2014/main" id="{453D1EDE-DC37-97FE-4F41-BF1D157E58F0}"/>
                  </a:ext>
                </a:extLst>
              </p:cNvPr>
              <p:cNvCxnSpPr>
                <a:stCxn id="60" idx="2"/>
                <a:endCxn id="16" idx="1"/>
              </p:cNvCxnSpPr>
              <p:nvPr/>
            </p:nvCxnSpPr>
            <p:spPr bwMode="auto">
              <a:xfrm rot="16200000" flipH="1">
                <a:off x="2853679" y="3929801"/>
                <a:ext cx="302181" cy="1586568"/>
              </a:xfrm>
              <a:prstGeom prst="bentConnector3">
                <a:avLst>
                  <a:gd name="adj1" fmla="val 225281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20" name="Left Brace 19">
                <a:extLst>
                  <a:ext uri="{FF2B5EF4-FFF2-40B4-BE49-F238E27FC236}">
                    <a16:creationId xmlns:a16="http://schemas.microsoft.com/office/drawing/2014/main" id="{D02C1B39-00F8-6FCD-50ED-97DD4D59D949}"/>
                  </a:ext>
                </a:extLst>
              </p:cNvPr>
              <p:cNvSpPr/>
              <p:nvPr/>
            </p:nvSpPr>
            <p:spPr bwMode="auto">
              <a:xfrm rot="16200000">
                <a:off x="7446423" y="4414786"/>
                <a:ext cx="489528" cy="475442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cxnSp>
            <p:nvCxnSpPr>
              <p:cNvPr id="23" name="Connector: Elbow 22">
                <a:extLst>
                  <a:ext uri="{FF2B5EF4-FFF2-40B4-BE49-F238E27FC236}">
                    <a16:creationId xmlns:a16="http://schemas.microsoft.com/office/drawing/2014/main" id="{56A80736-FA1B-8889-BF5E-F4CF58520FA4}"/>
                  </a:ext>
                </a:extLst>
              </p:cNvPr>
              <p:cNvCxnSpPr>
                <a:endCxn id="20" idx="1"/>
              </p:cNvCxnSpPr>
              <p:nvPr/>
            </p:nvCxnSpPr>
            <p:spPr bwMode="auto">
              <a:xfrm rot="16200000" flipH="1">
                <a:off x="6746813" y="3952896"/>
                <a:ext cx="302181" cy="1586568"/>
              </a:xfrm>
              <a:prstGeom prst="bentConnector3">
                <a:avLst>
                  <a:gd name="adj1" fmla="val 170262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933D6A82-DFF0-465C-5A7E-BF19B06DE5BE}"/>
                  </a:ext>
                </a:extLst>
              </p:cNvPr>
              <p:cNvSpPr txBox="1"/>
              <p:nvPr/>
            </p:nvSpPr>
            <p:spPr>
              <a:xfrm>
                <a:off x="1881398" y="3205020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25" name="Left Brace 24">
                <a:extLst>
                  <a:ext uri="{FF2B5EF4-FFF2-40B4-BE49-F238E27FC236}">
                    <a16:creationId xmlns:a16="http://schemas.microsoft.com/office/drawing/2014/main" id="{D5AB3590-16B3-E9B2-9C66-EAC331A2A643}"/>
                  </a:ext>
                </a:extLst>
              </p:cNvPr>
              <p:cNvSpPr/>
              <p:nvPr/>
            </p:nvSpPr>
            <p:spPr bwMode="auto">
              <a:xfrm rot="5400000" flipV="1">
                <a:off x="5948922" y="1961076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26" name="TextBox 25">
                <a:extLst>
                  <a:ext uri="{FF2B5EF4-FFF2-40B4-BE49-F238E27FC236}">
                    <a16:creationId xmlns:a16="http://schemas.microsoft.com/office/drawing/2014/main" id="{CEC6EF47-1F40-9D65-8C74-DAAD65DABF95}"/>
                  </a:ext>
                </a:extLst>
              </p:cNvPr>
              <p:cNvSpPr txBox="1"/>
              <p:nvPr/>
            </p:nvSpPr>
            <p:spPr>
              <a:xfrm>
                <a:off x="5774529" y="3218876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27" name="Left Brace 26">
                <a:extLst>
                  <a:ext uri="{FF2B5EF4-FFF2-40B4-BE49-F238E27FC236}">
                    <a16:creationId xmlns:a16="http://schemas.microsoft.com/office/drawing/2014/main" id="{BC71CE66-DA31-3CF3-FE25-D4CAC62344BE}"/>
                  </a:ext>
                </a:extLst>
              </p:cNvPr>
              <p:cNvSpPr/>
              <p:nvPr/>
            </p:nvSpPr>
            <p:spPr bwMode="auto">
              <a:xfrm rot="5400000" flipV="1">
                <a:off x="9842058" y="1984168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CC63A626-8110-6EF3-B3C3-053521543600}"/>
                  </a:ext>
                </a:extLst>
              </p:cNvPr>
              <p:cNvSpPr txBox="1"/>
              <p:nvPr/>
            </p:nvSpPr>
            <p:spPr>
              <a:xfrm>
                <a:off x="9667665" y="3241968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sp>
          <p:nvSpPr>
            <p:cNvPr id="147" name="TextBox 146">
              <a:extLst>
                <a:ext uri="{FF2B5EF4-FFF2-40B4-BE49-F238E27FC236}">
                  <a16:creationId xmlns:a16="http://schemas.microsoft.com/office/drawing/2014/main" id="{504F80AE-D634-AD5D-0DCE-23C1055E1AEE}"/>
                </a:ext>
              </a:extLst>
            </p:cNvPr>
            <p:cNvSpPr txBox="1"/>
            <p:nvPr/>
          </p:nvSpPr>
          <p:spPr>
            <a:xfrm>
              <a:off x="576340" y="5730929"/>
              <a:ext cx="585357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48" name="TextBox 147">
              <a:extLst>
                <a:ext uri="{FF2B5EF4-FFF2-40B4-BE49-F238E27FC236}">
                  <a16:creationId xmlns:a16="http://schemas.microsoft.com/office/drawing/2014/main" id="{14521F3F-3097-4F5F-A018-127B66670D23}"/>
                </a:ext>
              </a:extLst>
            </p:cNvPr>
            <p:cNvSpPr txBox="1"/>
            <p:nvPr/>
          </p:nvSpPr>
          <p:spPr>
            <a:xfrm>
              <a:off x="1412524" y="5735011"/>
              <a:ext cx="585357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0" name="TextBox 149">
              <a:extLst>
                <a:ext uri="{FF2B5EF4-FFF2-40B4-BE49-F238E27FC236}">
                  <a16:creationId xmlns:a16="http://schemas.microsoft.com/office/drawing/2014/main" id="{B626EFC4-1451-116B-343A-0A14C5A9CDA4}"/>
                </a:ext>
              </a:extLst>
            </p:cNvPr>
            <p:cNvSpPr txBox="1"/>
            <p:nvPr/>
          </p:nvSpPr>
          <p:spPr>
            <a:xfrm>
              <a:off x="2161810" y="5744421"/>
              <a:ext cx="429884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2" name="TextBox 151">
              <a:extLst>
                <a:ext uri="{FF2B5EF4-FFF2-40B4-BE49-F238E27FC236}">
                  <a16:creationId xmlns:a16="http://schemas.microsoft.com/office/drawing/2014/main" id="{8FC4D3FC-6780-1545-8209-8BF665448758}"/>
                </a:ext>
              </a:extLst>
            </p:cNvPr>
            <p:cNvSpPr txBox="1"/>
            <p:nvPr/>
          </p:nvSpPr>
          <p:spPr>
            <a:xfrm>
              <a:off x="6087382" y="5592405"/>
              <a:ext cx="429884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54" name="Oval 153">
              <a:extLst>
                <a:ext uri="{FF2B5EF4-FFF2-40B4-BE49-F238E27FC236}">
                  <a16:creationId xmlns:a16="http://schemas.microsoft.com/office/drawing/2014/main" id="{0A47A947-992F-70F4-0618-19C2CC3AF9CD}"/>
                </a:ext>
              </a:extLst>
            </p:cNvPr>
            <p:cNvSpPr/>
            <p:nvPr/>
          </p:nvSpPr>
          <p:spPr bwMode="auto">
            <a:xfrm>
              <a:off x="11452905" y="5440715"/>
              <a:ext cx="328780" cy="507751"/>
            </a:xfrm>
            <a:prstGeom prst="ellipse">
              <a:avLst/>
            </a:prstGeom>
            <a:ln>
              <a:headEnd type="none" w="med" len="med"/>
              <a:tailEnd type="none" w="med" len="med"/>
            </a:ln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 sz="2800" dirty="0">
                  <a:ln w="0"/>
                  <a:solidFill>
                    <a:schemeClr val="tx1"/>
                  </a:solidFill>
                  <a:effectLst>
                    <a:outerShdw blurRad="38100" dist="19050" dir="2700000" algn="tl" rotWithShape="0">
                      <a:schemeClr val="dk1">
                        <a:alpha val="40000"/>
                      </a:schemeClr>
                    </a:outerShdw>
                  </a:effectLst>
                </a:rPr>
                <a:t>?</a:t>
              </a:r>
              <a:endParaRPr lang="en-SE" sz="2800" dirty="0" err="1">
                <a:ln w="0"/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</a:endParaRP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253D96B3-C0EC-41EC-AA0E-007C9EBFBC09}"/>
              </a:ext>
            </a:extLst>
          </p:cNvPr>
          <p:cNvSpPr txBox="1"/>
          <p:nvPr/>
        </p:nvSpPr>
        <p:spPr>
          <a:xfrm>
            <a:off x="10572680" y="964922"/>
            <a:ext cx="1816211" cy="67915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00"/>
                </a:highlight>
                <a:uLnTx/>
                <a:uFillTx/>
                <a:latin typeface="Ericsson Hilda"/>
                <a:ea typeface="+mn-ea"/>
                <a:cs typeface="+mn-cs"/>
              </a:rPr>
              <a:t>Option A-1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F55F717C-6119-EFE4-EB58-36F1B95630AF}"/>
              </a:ext>
            </a:extLst>
          </p:cNvPr>
          <p:cNvSpPr txBox="1"/>
          <p:nvPr/>
        </p:nvSpPr>
        <p:spPr>
          <a:xfrm>
            <a:off x="10485169" y="3360112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00"/>
                </a:highlight>
                <a:uLnTx/>
                <a:uFillTx/>
                <a:latin typeface="Ericsson Hilda"/>
                <a:ea typeface="+mn-ea"/>
                <a:cs typeface="+mn-cs"/>
              </a:rPr>
              <a:t>Option A-2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, Nd=1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657508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ption B</a:t>
            </a:r>
            <a:endParaRPr lang="en-SE" dirty="0"/>
          </a:p>
        </p:txBody>
      </p: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2ECE2FAF-1EBA-F6CD-F439-67B5E4CA5AC2}"/>
              </a:ext>
            </a:extLst>
          </p:cNvPr>
          <p:cNvGrpSpPr/>
          <p:nvPr/>
        </p:nvGrpSpPr>
        <p:grpSpPr>
          <a:xfrm>
            <a:off x="193964" y="1756658"/>
            <a:ext cx="11898466" cy="1812096"/>
            <a:chOff x="193964" y="3532036"/>
            <a:chExt cx="11898466" cy="1812096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2A56FA24-0688-5FA8-893A-525BC4FEC287}"/>
                </a:ext>
              </a:extLst>
            </p:cNvPr>
            <p:cNvGrpSpPr/>
            <p:nvPr/>
          </p:nvGrpSpPr>
          <p:grpSpPr>
            <a:xfrm>
              <a:off x="193964" y="4080774"/>
              <a:ext cx="11898466" cy="1263358"/>
              <a:chOff x="193964" y="3314159"/>
              <a:chExt cx="11898466" cy="1263358"/>
            </a:xfrm>
          </p:grpSpPr>
          <p:grpSp>
            <p:nvGrpSpPr>
              <p:cNvPr id="82" name="Group 81">
                <a:extLst>
                  <a:ext uri="{FF2B5EF4-FFF2-40B4-BE49-F238E27FC236}">
                    <a16:creationId xmlns:a16="http://schemas.microsoft.com/office/drawing/2014/main" id="{97D86CFB-D9CA-77CB-57DF-AC2CE80C88E3}"/>
                  </a:ext>
                </a:extLst>
              </p:cNvPr>
              <p:cNvGrpSpPr/>
              <p:nvPr/>
            </p:nvGrpSpPr>
            <p:grpSpPr>
              <a:xfrm>
                <a:off x="193964" y="3843449"/>
                <a:ext cx="11898466" cy="734068"/>
                <a:chOff x="193964" y="2572215"/>
                <a:chExt cx="11898466" cy="734068"/>
              </a:xfrm>
            </p:grpSpPr>
            <p:cxnSp>
              <p:nvCxnSpPr>
                <p:cNvPr id="33" name="Straight Connector 32">
                  <a:extLst>
                    <a:ext uri="{FF2B5EF4-FFF2-40B4-BE49-F238E27FC236}">
                      <a16:creationId xmlns:a16="http://schemas.microsoft.com/office/drawing/2014/main" id="{1BC36E23-DDB4-9418-69A1-E595129C45E4}"/>
                    </a:ext>
                  </a:extLst>
                </p:cNvPr>
                <p:cNvCxnSpPr/>
                <p:nvPr/>
              </p:nvCxnSpPr>
              <p:spPr bwMode="auto">
                <a:xfrm flipV="1">
                  <a:off x="193964" y="3300762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cxnSp>
              <p:nvCxnSpPr>
                <p:cNvPr id="74" name="Straight Connector 73">
                  <a:extLst>
                    <a:ext uri="{FF2B5EF4-FFF2-40B4-BE49-F238E27FC236}">
                      <a16:creationId xmlns:a16="http://schemas.microsoft.com/office/drawing/2014/main" id="{AD1BB98C-F0E3-82C8-1E66-38F7FE385CCA}"/>
                    </a:ext>
                  </a:extLst>
                </p:cNvPr>
                <p:cNvCxnSpPr/>
                <p:nvPr/>
              </p:nvCxnSpPr>
              <p:spPr bwMode="auto">
                <a:xfrm flipV="1">
                  <a:off x="223703" y="2572215"/>
                  <a:ext cx="11868727" cy="0"/>
                </a:xfrm>
                <a:prstGeom prst="line">
                  <a:avLst/>
                </a:prstGeom>
                <a:solidFill>
                  <a:schemeClr val="accent1"/>
                </a:solidFill>
                <a:ln w="12700" cap="flat" cmpd="sng" algn="ctr">
                  <a:solidFill>
                    <a:schemeClr val="tx1"/>
                  </a:solidFill>
                  <a:prstDash val="dash"/>
                  <a:round/>
                  <a:headEnd type="none" w="med" len="med"/>
                  <a:tailEnd type="none"/>
                </a:ln>
                <a:effectLst/>
              </p:spPr>
            </p:cxnSp>
            <p:grpSp>
              <p:nvGrpSpPr>
                <p:cNvPr id="78" name="Group 77">
                  <a:extLst>
                    <a:ext uri="{FF2B5EF4-FFF2-40B4-BE49-F238E27FC236}">
                      <a16:creationId xmlns:a16="http://schemas.microsoft.com/office/drawing/2014/main" id="{84124995-3C4E-BFF1-06C4-2479E90125FB}"/>
                    </a:ext>
                  </a:extLst>
                </p:cNvPr>
                <p:cNvGrpSpPr/>
                <p:nvPr/>
              </p:nvGrpSpPr>
              <p:grpSpPr>
                <a:xfrm>
                  <a:off x="535254" y="2583367"/>
                  <a:ext cx="11171480" cy="722916"/>
                  <a:chOff x="1371597" y="2583367"/>
                  <a:chExt cx="11171480" cy="722916"/>
                </a:xfrm>
              </p:grpSpPr>
              <p:sp>
                <p:nvSpPr>
                  <p:cNvPr id="58" name="Rectangle 57">
                    <a:extLst>
                      <a:ext uri="{FF2B5EF4-FFF2-40B4-BE49-F238E27FC236}">
                        <a16:creationId xmlns:a16="http://schemas.microsoft.com/office/drawing/2014/main" id="{BF0CAE12-DC84-1FCC-3070-C41FE513F409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37159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59" name="Rectangle 58">
                    <a:extLst>
                      <a:ext uri="{FF2B5EF4-FFF2-40B4-BE49-F238E27FC236}">
                        <a16:creationId xmlns:a16="http://schemas.microsoft.com/office/drawing/2014/main" id="{77C58382-FF69-4FEF-DA0C-3DA615B4F0C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188677" y="2587083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0" name="Rectangle 59">
                    <a:extLst>
                      <a:ext uri="{FF2B5EF4-FFF2-40B4-BE49-F238E27FC236}">
                        <a16:creationId xmlns:a16="http://schemas.microsoft.com/office/drawing/2014/main" id="{48ED903F-99B0-3E65-7FC9-D5A2E7D01D4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2953042" y="2587082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1" name="Rectangle 60">
                    <a:extLst>
                      <a:ext uri="{FF2B5EF4-FFF2-40B4-BE49-F238E27FC236}">
                        <a16:creationId xmlns:a16="http://schemas.microsoft.com/office/drawing/2014/main" id="{3B131151-5863-F937-083A-8D57A7124395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370963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2" name="Rectangle 61">
                    <a:extLst>
                      <a:ext uri="{FF2B5EF4-FFF2-40B4-BE49-F238E27FC236}">
                        <a16:creationId xmlns:a16="http://schemas.microsoft.com/office/drawing/2014/main" id="{B4314D71-0316-D772-259B-033D64FEE161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4526713" y="2583369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3" name="Rectangle 62">
                    <a:extLst>
                      <a:ext uri="{FF2B5EF4-FFF2-40B4-BE49-F238E27FC236}">
                        <a16:creationId xmlns:a16="http://schemas.microsoft.com/office/drawing/2014/main" id="{D6C10F75-1D26-1E26-A71F-A634B60D5DB8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5291078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7" name="Rectangle 66">
                    <a:extLst>
                      <a:ext uri="{FF2B5EF4-FFF2-40B4-BE49-F238E27FC236}">
                        <a16:creationId xmlns:a16="http://schemas.microsoft.com/office/drawing/2014/main" id="{583A09DD-D93C-4F1D-98EF-A084E2CD08E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073689" y="2583368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8" name="Rectangle 67">
                    <a:extLst>
                      <a:ext uri="{FF2B5EF4-FFF2-40B4-BE49-F238E27FC236}">
                        <a16:creationId xmlns:a16="http://schemas.microsoft.com/office/drawing/2014/main" id="{038F704C-6C5A-50D1-C4BD-8D72AEAE4B8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6853825" y="25926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69" name="Rectangle 68">
                    <a:extLst>
                      <a:ext uri="{FF2B5EF4-FFF2-40B4-BE49-F238E27FC236}">
                        <a16:creationId xmlns:a16="http://schemas.microsoft.com/office/drawing/2014/main" id="{F8AD7F6D-1147-107F-C294-B913C11B2F82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7655134" y="2583367"/>
                    <a:ext cx="189571" cy="713679"/>
                  </a:xfrm>
                  <a:prstGeom prst="rect">
                    <a:avLst/>
                  </a:prstGeom>
                  <a:solidFill>
                    <a:schemeClr val="accent1"/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0" name="Rectangle 69">
                    <a:extLst>
                      <a:ext uri="{FF2B5EF4-FFF2-40B4-BE49-F238E27FC236}">
                        <a16:creationId xmlns:a16="http://schemas.microsoft.com/office/drawing/2014/main" id="{61BE4C8B-2EE8-BE94-BF8A-32247476E79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841172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1" name="Rectangle 70">
                    <a:extLst>
                      <a:ext uri="{FF2B5EF4-FFF2-40B4-BE49-F238E27FC236}">
                        <a16:creationId xmlns:a16="http://schemas.microsoft.com/office/drawing/2014/main" id="{A213F3B4-0D3E-1D0E-4EA4-43A7EAB9E284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228805" y="2590805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2" name="Rectangle 71">
                    <a:extLst>
                      <a:ext uri="{FF2B5EF4-FFF2-40B4-BE49-F238E27FC236}">
                        <a16:creationId xmlns:a16="http://schemas.microsoft.com/office/drawing/2014/main" id="{2657639B-EF8A-F783-783E-692F29FF826C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9993170" y="2590804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5" name="Rectangle 74">
                    <a:extLst>
                      <a:ext uri="{FF2B5EF4-FFF2-40B4-BE49-F238E27FC236}">
                        <a16:creationId xmlns:a16="http://schemas.microsoft.com/office/drawing/2014/main" id="{91274B48-E69C-C636-4A0A-BC833430BCA6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077206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6" name="Rectangle 75">
                    <a:extLst>
                      <a:ext uri="{FF2B5EF4-FFF2-40B4-BE49-F238E27FC236}">
                        <a16:creationId xmlns:a16="http://schemas.microsoft.com/office/drawing/2014/main" id="{FD5AA28B-8A0B-4E80-26B8-02B43B616333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1589141" y="2587091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  <p:sp>
                <p:nvSpPr>
                  <p:cNvPr id="77" name="Rectangle 76">
                    <a:extLst>
                      <a:ext uri="{FF2B5EF4-FFF2-40B4-BE49-F238E27FC236}">
                        <a16:creationId xmlns:a16="http://schemas.microsoft.com/office/drawing/2014/main" id="{5919DF0D-D2BD-4510-1C93-E4A865144DCB}"/>
                      </a:ext>
                    </a:extLst>
                  </p:cNvPr>
                  <p:cNvSpPr/>
                  <p:nvPr/>
                </p:nvSpPr>
                <p:spPr bwMode="auto">
                  <a:xfrm>
                    <a:off x="12353506" y="2587090"/>
                    <a:ext cx="189571" cy="713679"/>
                  </a:xfrm>
                  <a:prstGeom prst="rect">
                    <a:avLst/>
                  </a:prstGeom>
                  <a:solidFill>
                    <a:schemeClr val="accent1">
                      <a:lumMod val="20000"/>
                      <a:lumOff val="80000"/>
                    </a:schemeClr>
                  </a:solidFill>
                  <a:ln w="12700" cap="flat" cmpd="sng" algn="ctr">
                    <a:noFill/>
                    <a:prstDash val="solid"/>
                    <a:round/>
                    <a:headEnd type="none" w="med" len="med"/>
                    <a:tailEnd type="none" w="med" len="med"/>
                  </a:ln>
                  <a:effectLst/>
                </p:spPr>
                <p:txBody>
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180000" indent="-180000" algn="l">
                      <a:spcBef>
                        <a:spcPts val="800"/>
                      </a:spcBef>
                      <a:buFont typeface="Ericsson Hilda" panose="00000500000000000000" pitchFamily="2" charset="0"/>
                      <a:buChar char="●"/>
                    </a:pPr>
                    <a:endParaRPr lang="en-SE" dirty="0" err="1">
                      <a:solidFill>
                        <a:schemeClr val="bg1"/>
                      </a:solidFill>
                    </a:endParaRPr>
                  </a:p>
                </p:txBody>
              </p:sp>
            </p:grpSp>
          </p:grpSp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CC63A626-8110-6EF3-B3C3-053521543600}"/>
                  </a:ext>
                </a:extLst>
              </p:cNvPr>
              <p:cNvSpPr txBox="1"/>
              <p:nvPr/>
            </p:nvSpPr>
            <p:spPr>
              <a:xfrm>
                <a:off x="10028612" y="3314159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sp>
          <p:nvSpPr>
            <p:cNvPr id="29" name="Left Brace 28">
              <a:extLst>
                <a:ext uri="{FF2B5EF4-FFF2-40B4-BE49-F238E27FC236}">
                  <a16:creationId xmlns:a16="http://schemas.microsoft.com/office/drawing/2014/main" id="{2AE972EC-8B65-2C54-6EAF-1D85D2570F16}"/>
                </a:ext>
              </a:extLst>
            </p:cNvPr>
            <p:cNvSpPr/>
            <p:nvPr/>
          </p:nvSpPr>
          <p:spPr bwMode="auto">
            <a:xfrm rot="5400000" flipV="1">
              <a:off x="2807953" y="2715910"/>
              <a:ext cx="358644" cy="3511371"/>
            </a:xfrm>
            <a:prstGeom prst="leftBrace">
              <a:avLst>
                <a:gd name="adj1" fmla="val 8333"/>
                <a:gd name="adj2" fmla="val 49657"/>
              </a:avLst>
            </a:prstGeom>
            <a:ln>
              <a:headEnd type="none" w="med" len="med"/>
              <a:tailEnd type="non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0" name="Left Brace 29">
              <a:extLst>
                <a:ext uri="{FF2B5EF4-FFF2-40B4-BE49-F238E27FC236}">
                  <a16:creationId xmlns:a16="http://schemas.microsoft.com/office/drawing/2014/main" id="{39A90AB4-0391-DB8D-A8E4-E81532D6595D}"/>
                </a:ext>
              </a:extLst>
            </p:cNvPr>
            <p:cNvSpPr/>
            <p:nvPr/>
          </p:nvSpPr>
          <p:spPr bwMode="auto">
            <a:xfrm rot="5400000" flipV="1">
              <a:off x="3479999" y="2389102"/>
              <a:ext cx="358644" cy="3511371"/>
            </a:xfrm>
            <a:prstGeom prst="leftBrace">
              <a:avLst/>
            </a:prstGeom>
            <a:ln>
              <a:headEnd type="none" w="med" len="med"/>
              <a:tailEnd type="none"/>
            </a:ln>
          </p:spPr>
          <p:style>
            <a:lnRef idx="2">
              <a:schemeClr val="accent6"/>
            </a:lnRef>
            <a:fillRef idx="0">
              <a:schemeClr val="accent6"/>
            </a:fillRef>
            <a:effectRef idx="1">
              <a:schemeClr val="accent6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2" name="Left Brace 31">
              <a:extLst>
                <a:ext uri="{FF2B5EF4-FFF2-40B4-BE49-F238E27FC236}">
                  <a16:creationId xmlns:a16="http://schemas.microsoft.com/office/drawing/2014/main" id="{58AA5412-8EC0-95F6-BDFB-484D15C5FC7C}"/>
                </a:ext>
              </a:extLst>
            </p:cNvPr>
            <p:cNvSpPr/>
            <p:nvPr/>
          </p:nvSpPr>
          <p:spPr bwMode="auto">
            <a:xfrm rot="5400000" flipV="1">
              <a:off x="9058450" y="2647731"/>
              <a:ext cx="358644" cy="3511371"/>
            </a:xfrm>
            <a:prstGeom prst="leftBrace">
              <a:avLst/>
            </a:prstGeom>
            <a:ln>
              <a:headEnd type="none" w="med" len="med"/>
              <a:tailEnd type="non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27B08F3F-1A67-8BFA-9B5B-296CB7ED58A3}"/>
                </a:ext>
              </a:extLst>
            </p:cNvPr>
            <p:cNvSpPr txBox="1"/>
            <p:nvPr/>
          </p:nvSpPr>
          <p:spPr>
            <a:xfrm>
              <a:off x="3720051" y="3788008"/>
              <a:ext cx="914400" cy="394604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N TOs</a:t>
              </a:r>
              <a:endParaRPr kumimoji="0" lang="en-SE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07133D85-3D5D-066D-00D7-F937EA69C02D}"/>
                </a:ext>
              </a:extLst>
            </p:cNvPr>
            <p:cNvSpPr txBox="1"/>
            <p:nvPr/>
          </p:nvSpPr>
          <p:spPr>
            <a:xfrm>
              <a:off x="3090394" y="4169008"/>
              <a:ext cx="914400" cy="394604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N TOs</a:t>
              </a:r>
              <a:endParaRPr kumimoji="0" lang="en-SE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100" name="Connector: Elbow 99">
              <a:extLst>
                <a:ext uri="{FF2B5EF4-FFF2-40B4-BE49-F238E27FC236}">
                  <a16:creationId xmlns:a16="http://schemas.microsoft.com/office/drawing/2014/main" id="{A16548BB-FE3B-2508-30A3-ABD6CF056BDE}"/>
                </a:ext>
              </a:extLst>
            </p:cNvPr>
            <p:cNvCxnSpPr>
              <a:cxnSpLocks/>
              <a:stCxn id="58" idx="0"/>
              <a:endCxn id="29" idx="1"/>
            </p:cNvCxnSpPr>
            <p:nvPr/>
          </p:nvCxnSpPr>
          <p:spPr bwMode="auto">
            <a:xfrm rot="5400000" flipH="1" flipV="1">
              <a:off x="1636306" y="3286008"/>
              <a:ext cx="332658" cy="2345191"/>
            </a:xfrm>
            <a:prstGeom prst="bentConnector3">
              <a:avLst>
                <a:gd name="adj1" fmla="val 176019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  <p:cxnSp>
          <p:nvCxnSpPr>
            <p:cNvPr id="105" name="Connector: Elbow 104">
              <a:extLst>
                <a:ext uri="{FF2B5EF4-FFF2-40B4-BE49-F238E27FC236}">
                  <a16:creationId xmlns:a16="http://schemas.microsoft.com/office/drawing/2014/main" id="{400ED882-87BC-BB36-9FCF-4EE94BD3D0B5}"/>
                </a:ext>
              </a:extLst>
            </p:cNvPr>
            <p:cNvCxnSpPr>
              <a:stCxn id="59" idx="0"/>
              <a:endCxn id="30" idx="1"/>
            </p:cNvCxnSpPr>
            <p:nvPr/>
          </p:nvCxnSpPr>
          <p:spPr bwMode="auto">
            <a:xfrm rot="5400000" flipH="1" flipV="1">
              <a:off x="2223488" y="3189098"/>
              <a:ext cx="659466" cy="2212202"/>
            </a:xfrm>
            <a:prstGeom prst="bentConnector3">
              <a:avLst>
                <a:gd name="adj1" fmla="val 123752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6"/>
            </a:lnRef>
            <a:fillRef idx="0">
              <a:schemeClr val="accent6"/>
            </a:fillRef>
            <a:effectRef idx="1">
              <a:schemeClr val="accent6"/>
            </a:effectRef>
            <a:fontRef idx="minor">
              <a:schemeClr val="tx1"/>
            </a:fontRef>
          </p:style>
        </p:cxnSp>
        <p:cxnSp>
          <p:nvCxnSpPr>
            <p:cNvPr id="108" name="Connector: Elbow 107">
              <a:extLst>
                <a:ext uri="{FF2B5EF4-FFF2-40B4-BE49-F238E27FC236}">
                  <a16:creationId xmlns:a16="http://schemas.microsoft.com/office/drawing/2014/main" id="{C40FB601-5DE5-D427-1EAE-DFDCF57856ED}"/>
                </a:ext>
              </a:extLst>
            </p:cNvPr>
            <p:cNvCxnSpPr>
              <a:cxnSpLocks/>
              <a:endCxn id="32" idx="1"/>
            </p:cNvCxnSpPr>
            <p:nvPr/>
          </p:nvCxnSpPr>
          <p:spPr bwMode="auto">
            <a:xfrm rot="5400000" flipH="1" flipV="1">
              <a:off x="7873739" y="3264621"/>
              <a:ext cx="404559" cy="2323509"/>
            </a:xfrm>
            <a:prstGeom prst="bentConnector3">
              <a:avLst>
                <a:gd name="adj1" fmla="val 156562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</p:cxnSp>
        <p:sp>
          <p:nvSpPr>
            <p:cNvPr id="113" name="TextBox 112">
              <a:extLst>
                <a:ext uri="{FF2B5EF4-FFF2-40B4-BE49-F238E27FC236}">
                  <a16:creationId xmlns:a16="http://schemas.microsoft.com/office/drawing/2014/main" id="{2D4406A2-7442-43CB-2EA2-CA9114A3658C}"/>
                </a:ext>
              </a:extLst>
            </p:cNvPr>
            <p:cNvSpPr txBox="1"/>
            <p:nvPr/>
          </p:nvSpPr>
          <p:spPr>
            <a:xfrm>
              <a:off x="464783" y="3752621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0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14" name="TextBox 113">
              <a:extLst>
                <a:ext uri="{FF2B5EF4-FFF2-40B4-BE49-F238E27FC236}">
                  <a16:creationId xmlns:a16="http://schemas.microsoft.com/office/drawing/2014/main" id="{D4321304-3C5C-AC83-0977-74FF20AB93A7}"/>
                </a:ext>
              </a:extLst>
            </p:cNvPr>
            <p:cNvSpPr txBox="1"/>
            <p:nvPr/>
          </p:nvSpPr>
          <p:spPr>
            <a:xfrm>
              <a:off x="1471426" y="3532036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15" name="TextBox 114">
              <a:extLst>
                <a:ext uri="{FF2B5EF4-FFF2-40B4-BE49-F238E27FC236}">
                  <a16:creationId xmlns:a16="http://schemas.microsoft.com/office/drawing/2014/main" id="{0B71F2E7-73A3-F071-4CA2-9E8CD3A8BC13}"/>
                </a:ext>
              </a:extLst>
            </p:cNvPr>
            <p:cNvSpPr txBox="1"/>
            <p:nvPr/>
          </p:nvSpPr>
          <p:spPr>
            <a:xfrm>
              <a:off x="8030047" y="3701538"/>
              <a:ext cx="914400" cy="32429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(11111)</a:t>
              </a:r>
              <a:endParaRPr kumimoji="0" lang="en-SE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562DF0FA-291E-4B42-FCE2-C12AEA03BAB5}"/>
              </a:ext>
            </a:extLst>
          </p:cNvPr>
          <p:cNvGrpSpPr/>
          <p:nvPr/>
        </p:nvGrpSpPr>
        <p:grpSpPr>
          <a:xfrm>
            <a:off x="177919" y="3923631"/>
            <a:ext cx="11898466" cy="2123156"/>
            <a:chOff x="177919" y="1424271"/>
            <a:chExt cx="11898466" cy="2123156"/>
          </a:xfrm>
        </p:grpSpPr>
        <p:grpSp>
          <p:nvGrpSpPr>
            <p:cNvPr id="117" name="Group 116">
              <a:extLst>
                <a:ext uri="{FF2B5EF4-FFF2-40B4-BE49-F238E27FC236}">
                  <a16:creationId xmlns:a16="http://schemas.microsoft.com/office/drawing/2014/main" id="{FF272102-BA0B-43F9-1E7B-60429CB8E660}"/>
                </a:ext>
              </a:extLst>
            </p:cNvPr>
            <p:cNvGrpSpPr/>
            <p:nvPr/>
          </p:nvGrpSpPr>
          <p:grpSpPr>
            <a:xfrm>
              <a:off x="177919" y="1424271"/>
              <a:ext cx="11898466" cy="2123156"/>
              <a:chOff x="193964" y="3220976"/>
              <a:chExt cx="11898466" cy="2123156"/>
            </a:xfrm>
          </p:grpSpPr>
          <p:grpSp>
            <p:nvGrpSpPr>
              <p:cNvPr id="118" name="Group 117">
                <a:extLst>
                  <a:ext uri="{FF2B5EF4-FFF2-40B4-BE49-F238E27FC236}">
                    <a16:creationId xmlns:a16="http://schemas.microsoft.com/office/drawing/2014/main" id="{406A6F8B-41D7-FB09-BEA4-3085B49A9047}"/>
                  </a:ext>
                </a:extLst>
              </p:cNvPr>
              <p:cNvGrpSpPr/>
              <p:nvPr/>
            </p:nvGrpSpPr>
            <p:grpSpPr>
              <a:xfrm>
                <a:off x="193964" y="4080774"/>
                <a:ext cx="11898466" cy="1263358"/>
                <a:chOff x="193964" y="3314159"/>
                <a:chExt cx="11898466" cy="1263358"/>
              </a:xfrm>
            </p:grpSpPr>
            <p:grpSp>
              <p:nvGrpSpPr>
                <p:cNvPr id="130" name="Group 129">
                  <a:extLst>
                    <a:ext uri="{FF2B5EF4-FFF2-40B4-BE49-F238E27FC236}">
                      <a16:creationId xmlns:a16="http://schemas.microsoft.com/office/drawing/2014/main" id="{30B1193C-F66D-3333-CFD1-5DE1C61669B9}"/>
                    </a:ext>
                  </a:extLst>
                </p:cNvPr>
                <p:cNvGrpSpPr/>
                <p:nvPr/>
              </p:nvGrpSpPr>
              <p:grpSpPr>
                <a:xfrm>
                  <a:off x="193964" y="3843449"/>
                  <a:ext cx="11898466" cy="734068"/>
                  <a:chOff x="193964" y="2572215"/>
                  <a:chExt cx="11898466" cy="734068"/>
                </a:xfrm>
              </p:grpSpPr>
              <p:cxnSp>
                <p:nvCxnSpPr>
                  <p:cNvPr id="132" name="Straight Connector 131">
                    <a:extLst>
                      <a:ext uri="{FF2B5EF4-FFF2-40B4-BE49-F238E27FC236}">
                        <a16:creationId xmlns:a16="http://schemas.microsoft.com/office/drawing/2014/main" id="{FEF169EE-C5AA-4C6D-3BDF-616D2B54DF35}"/>
                      </a:ext>
                    </a:extLst>
                  </p:cNvPr>
                  <p:cNvCxnSpPr/>
                  <p:nvPr/>
                </p:nvCxnSpPr>
                <p:spPr bwMode="auto">
                  <a:xfrm flipV="1">
                    <a:off x="193964" y="3300762"/>
                    <a:ext cx="11868727" cy="0"/>
                  </a:xfrm>
                  <a:prstGeom prst="line">
                    <a:avLst/>
                  </a:prstGeom>
                  <a:solidFill>
                    <a:schemeClr val="accent1"/>
                  </a:solidFill>
                  <a:ln w="12700" cap="flat" cmpd="sng" algn="ctr">
                    <a:solidFill>
                      <a:schemeClr val="tx1"/>
                    </a:solidFill>
                    <a:prstDash val="dash"/>
                    <a:round/>
                    <a:headEnd type="none" w="med" len="med"/>
                    <a:tailEnd type="none"/>
                  </a:ln>
                  <a:effectLst/>
                </p:spPr>
              </p:cxnSp>
              <p:cxnSp>
                <p:nvCxnSpPr>
                  <p:cNvPr id="149" name="Straight Connector 148">
                    <a:extLst>
                      <a:ext uri="{FF2B5EF4-FFF2-40B4-BE49-F238E27FC236}">
                        <a16:creationId xmlns:a16="http://schemas.microsoft.com/office/drawing/2014/main" id="{4D780239-BB25-8D2F-37FC-C205AD3854E0}"/>
                      </a:ext>
                    </a:extLst>
                  </p:cNvPr>
                  <p:cNvCxnSpPr/>
                  <p:nvPr/>
                </p:nvCxnSpPr>
                <p:spPr bwMode="auto">
                  <a:xfrm flipV="1">
                    <a:off x="223703" y="2572215"/>
                    <a:ext cx="11868727" cy="0"/>
                  </a:xfrm>
                  <a:prstGeom prst="line">
                    <a:avLst/>
                  </a:prstGeom>
                  <a:solidFill>
                    <a:schemeClr val="accent1"/>
                  </a:solidFill>
                  <a:ln w="12700" cap="flat" cmpd="sng" algn="ctr">
                    <a:solidFill>
                      <a:schemeClr val="tx1"/>
                    </a:solidFill>
                    <a:prstDash val="dash"/>
                    <a:round/>
                    <a:headEnd type="none" w="med" len="med"/>
                    <a:tailEnd type="none"/>
                  </a:ln>
                  <a:effectLst/>
                </p:spPr>
              </p:cxnSp>
              <p:grpSp>
                <p:nvGrpSpPr>
                  <p:cNvPr id="151" name="Group 150">
                    <a:extLst>
                      <a:ext uri="{FF2B5EF4-FFF2-40B4-BE49-F238E27FC236}">
                        <a16:creationId xmlns:a16="http://schemas.microsoft.com/office/drawing/2014/main" id="{62B693E4-3DA8-569C-D086-311B4B0EB824}"/>
                      </a:ext>
                    </a:extLst>
                  </p:cNvPr>
                  <p:cNvGrpSpPr/>
                  <p:nvPr/>
                </p:nvGrpSpPr>
                <p:grpSpPr>
                  <a:xfrm>
                    <a:off x="535254" y="2583367"/>
                    <a:ext cx="11171480" cy="722916"/>
                    <a:chOff x="1371597" y="2583367"/>
                    <a:chExt cx="11171480" cy="722916"/>
                  </a:xfrm>
                </p:grpSpPr>
                <p:sp>
                  <p:nvSpPr>
                    <p:cNvPr id="153" name="Rectangle 152">
                      <a:extLst>
                        <a:ext uri="{FF2B5EF4-FFF2-40B4-BE49-F238E27FC236}">
                          <a16:creationId xmlns:a16="http://schemas.microsoft.com/office/drawing/2014/main" id="{0CF26B28-6993-462E-C2ED-813CF94CB169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371597" y="2587083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7" name="Rectangle 156">
                      <a:extLst>
                        <a:ext uri="{FF2B5EF4-FFF2-40B4-BE49-F238E27FC236}">
                          <a16:creationId xmlns:a16="http://schemas.microsoft.com/office/drawing/2014/main" id="{4051823D-72CF-0F39-6DDF-AC59FAFDB73A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2188677" y="2587083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8" name="Rectangle 157">
                      <a:extLst>
                        <a:ext uri="{FF2B5EF4-FFF2-40B4-BE49-F238E27FC236}">
                          <a16:creationId xmlns:a16="http://schemas.microsoft.com/office/drawing/2014/main" id="{F82216CC-58EF-C3C4-BFCB-517E66BA5413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2953042" y="2587082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59" name="Rectangle 158">
                      <a:extLst>
                        <a:ext uri="{FF2B5EF4-FFF2-40B4-BE49-F238E27FC236}">
                          <a16:creationId xmlns:a16="http://schemas.microsoft.com/office/drawing/2014/main" id="{676CE375-EA32-C917-C29E-A5E52A7A2FA3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3709633" y="2583369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0" name="Rectangle 159">
                      <a:extLst>
                        <a:ext uri="{FF2B5EF4-FFF2-40B4-BE49-F238E27FC236}">
                          <a16:creationId xmlns:a16="http://schemas.microsoft.com/office/drawing/2014/main" id="{240CB733-5EB2-34FB-E701-239BA4A69D7B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4526713" y="2583369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1" name="Rectangle 160">
                      <a:extLst>
                        <a:ext uri="{FF2B5EF4-FFF2-40B4-BE49-F238E27FC236}">
                          <a16:creationId xmlns:a16="http://schemas.microsoft.com/office/drawing/2014/main" id="{5B1260E7-C8EF-509A-A33E-376BE5FB563A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5291078" y="2583368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2" name="Rectangle 161">
                      <a:extLst>
                        <a:ext uri="{FF2B5EF4-FFF2-40B4-BE49-F238E27FC236}">
                          <a16:creationId xmlns:a16="http://schemas.microsoft.com/office/drawing/2014/main" id="{A2C92CCA-E18C-B9E5-6EBD-6EEB3FEDE75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6073689" y="2583368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3" name="Rectangle 162">
                      <a:extLst>
                        <a:ext uri="{FF2B5EF4-FFF2-40B4-BE49-F238E27FC236}">
                          <a16:creationId xmlns:a16="http://schemas.microsoft.com/office/drawing/2014/main" id="{F11890E7-C29E-A3B0-5A6F-3DC6EA4C9857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6853825" y="2592604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4" name="Rectangle 163">
                      <a:extLst>
                        <a:ext uri="{FF2B5EF4-FFF2-40B4-BE49-F238E27FC236}">
                          <a16:creationId xmlns:a16="http://schemas.microsoft.com/office/drawing/2014/main" id="{55685F3E-CF7A-F071-99DC-121BB3188E2E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7655134" y="2583367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/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5" name="Rectangle 164">
                      <a:extLst>
                        <a:ext uri="{FF2B5EF4-FFF2-40B4-BE49-F238E27FC236}">
                          <a16:creationId xmlns:a16="http://schemas.microsoft.com/office/drawing/2014/main" id="{BD1B3B7F-D22F-2A82-7AA2-1FA538B141EC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8411725" y="2590805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6" name="Rectangle 165">
                      <a:extLst>
                        <a:ext uri="{FF2B5EF4-FFF2-40B4-BE49-F238E27FC236}">
                          <a16:creationId xmlns:a16="http://schemas.microsoft.com/office/drawing/2014/main" id="{C693B7E1-B2B6-3ED0-31A8-A83BB07F1675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9228805" y="2590805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7" name="Rectangle 166">
                      <a:extLst>
                        <a:ext uri="{FF2B5EF4-FFF2-40B4-BE49-F238E27FC236}">
                          <a16:creationId xmlns:a16="http://schemas.microsoft.com/office/drawing/2014/main" id="{AEB3ECC2-D7F6-7F06-7BD8-860A990BA55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9993170" y="2590804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8" name="Rectangle 167">
                      <a:extLst>
                        <a:ext uri="{FF2B5EF4-FFF2-40B4-BE49-F238E27FC236}">
                          <a16:creationId xmlns:a16="http://schemas.microsoft.com/office/drawing/2014/main" id="{24AD05C4-F6A3-032C-2F55-5919C407291F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0772061" y="2587091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69" name="Rectangle 168">
                      <a:extLst>
                        <a:ext uri="{FF2B5EF4-FFF2-40B4-BE49-F238E27FC236}">
                          <a16:creationId xmlns:a16="http://schemas.microsoft.com/office/drawing/2014/main" id="{0C057660-E7F9-2B2E-3699-84D13DF1E728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1589141" y="2587091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  <p:sp>
                  <p:nvSpPr>
                    <p:cNvPr id="170" name="Rectangle 169">
                      <a:extLst>
                        <a:ext uri="{FF2B5EF4-FFF2-40B4-BE49-F238E27FC236}">
                          <a16:creationId xmlns:a16="http://schemas.microsoft.com/office/drawing/2014/main" id="{CC1E17A0-A00D-05AA-41F0-9504E51A6144}"/>
                        </a:ext>
                      </a:extLst>
                    </p:cNvPr>
                    <p:cNvSpPr/>
                    <p:nvPr/>
                  </p:nvSpPr>
                  <p:spPr bwMode="auto">
                    <a:xfrm>
                      <a:off x="12353506" y="2587090"/>
                      <a:ext cx="189571" cy="713679"/>
                    </a:xfrm>
                    <a:prstGeom prst="rect">
                      <a:avLst/>
                    </a:prstGeom>
                    <a:solidFill>
                      <a:schemeClr val="accent1">
                        <a:lumMod val="20000"/>
                        <a:lumOff val="80000"/>
                      </a:schemeClr>
                    </a:solidFill>
                    <a:ln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>
                    <a:effectLst/>
                  </p:spPr>
                  <p:txBody>
    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marL="180000" indent="-180000" algn="l">
                        <a:spcBef>
                          <a:spcPts val="800"/>
                        </a:spcBef>
                        <a:buFont typeface="Ericsson Hilda" panose="00000500000000000000" pitchFamily="2" charset="0"/>
                        <a:buChar char="●"/>
                      </a:pPr>
                      <a:endParaRPr lang="en-SE" dirty="0" err="1">
                        <a:solidFill>
                          <a:schemeClr val="bg1"/>
                        </a:solidFill>
                      </a:endParaRPr>
                    </a:p>
                  </p:txBody>
                </p:sp>
              </p:grpSp>
            </p:grpSp>
            <p:sp>
              <p:nvSpPr>
                <p:cNvPr id="131" name="TextBox 130">
                  <a:extLst>
                    <a:ext uri="{FF2B5EF4-FFF2-40B4-BE49-F238E27FC236}">
                      <a16:creationId xmlns:a16="http://schemas.microsoft.com/office/drawing/2014/main" id="{492DB451-5627-2782-76C8-1CDC6AC922DE}"/>
                    </a:ext>
                  </a:extLst>
                </p:cNvPr>
                <p:cNvSpPr txBox="1"/>
                <p:nvPr/>
              </p:nvSpPr>
              <p:spPr>
                <a:xfrm>
                  <a:off x="10028612" y="3314159"/>
                  <a:ext cx="914400" cy="394604"/>
                </a:xfrm>
                <a:prstGeom prst="rect">
                  <a:avLst/>
                </a:prstGeom>
              </p:spPr>
              <p:txBody>
                <a:bodyPr vert="horz" wrap="none" lIns="72000" tIns="36000" rIns="72000" bIns="36000" rtlCol="0" anchor="t">
                  <a:noAutofit/>
                </a:bodyPr>
                <a:lstStyle/>
                <a:p>
                  <a:pPr marR="0" algn="l" defTabSz="914400" rtl="0" eaLnBrk="1" fontAlgn="base" latinLnBrk="0" hangingPunct="1">
                    <a:lnSpc>
                      <a:spcPct val="100000"/>
                    </a:lnSpc>
                    <a:spcBef>
                      <a:spcPts val="800"/>
                    </a:spcBef>
                    <a:spcAft>
                      <a:spcPct val="0"/>
                    </a:spcAft>
                    <a:buClrTx/>
                    <a:buSzTx/>
                    <a:tabLst/>
                  </a:pPr>
                  <a:r>
                    <a:rPr kumimoji="0" lang="en-US" sz="2000" b="0" i="0" u="none" strike="noStrike" kern="1000" cap="none" spc="-30" normalizeH="0" baseline="0" noProof="0" dirty="0">
                      <a:ln>
                        <a:noFill/>
                      </a:ln>
                      <a:solidFill>
                        <a:srgbClr val="181818"/>
                      </a:solidFill>
                      <a:effectLst/>
                      <a:uLnTx/>
                      <a:uFillTx/>
                      <a:latin typeface="Ericsson Hilda"/>
                      <a:ea typeface="+mn-ea"/>
                      <a:cs typeface="+mn-cs"/>
                    </a:rPr>
                    <a:t>N TOs</a:t>
                  </a:r>
                  <a:endParaRPr kumimoji="0" lang="en-SE" sz="2000" b="0" i="0" u="none" strike="noStrike" kern="1000" cap="none" spc="-30" normalizeH="0" baseline="0" noProof="0" dirty="0" err="1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endParaRPr>
                </a:p>
              </p:txBody>
            </p:sp>
          </p:grpSp>
          <p:sp>
            <p:nvSpPr>
              <p:cNvPr id="119" name="Left Brace 118">
                <a:extLst>
                  <a:ext uri="{FF2B5EF4-FFF2-40B4-BE49-F238E27FC236}">
                    <a16:creationId xmlns:a16="http://schemas.microsoft.com/office/drawing/2014/main" id="{25AAC9D0-B39A-8AA2-1D7E-F933573C5691}"/>
                  </a:ext>
                </a:extLst>
              </p:cNvPr>
              <p:cNvSpPr/>
              <p:nvPr/>
            </p:nvSpPr>
            <p:spPr bwMode="auto">
              <a:xfrm rot="5400000" flipV="1">
                <a:off x="3592740" y="2715910"/>
                <a:ext cx="358644" cy="3511371"/>
              </a:xfrm>
              <a:prstGeom prst="leftBrace">
                <a:avLst>
                  <a:gd name="adj1" fmla="val 8333"/>
                  <a:gd name="adj2" fmla="val 49657"/>
                </a:avLst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2"/>
              </a:lnRef>
              <a:fillRef idx="0">
                <a:schemeClr val="accent2"/>
              </a:fillRef>
              <a:effectRef idx="1">
                <a:schemeClr val="accent2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0" name="Left Brace 119">
                <a:extLst>
                  <a:ext uri="{FF2B5EF4-FFF2-40B4-BE49-F238E27FC236}">
                    <a16:creationId xmlns:a16="http://schemas.microsoft.com/office/drawing/2014/main" id="{6B92040A-B8B0-25EE-FD06-9FF1C916E3F7}"/>
                  </a:ext>
                </a:extLst>
              </p:cNvPr>
              <p:cNvSpPr/>
              <p:nvPr/>
            </p:nvSpPr>
            <p:spPr bwMode="auto">
              <a:xfrm rot="5400000" flipV="1">
                <a:off x="4323818" y="2449262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1" name="Left Brace 120">
                <a:extLst>
                  <a:ext uri="{FF2B5EF4-FFF2-40B4-BE49-F238E27FC236}">
                    <a16:creationId xmlns:a16="http://schemas.microsoft.com/office/drawing/2014/main" id="{A4B7431D-AAAB-DED9-24AB-CC06FFD286A2}"/>
                  </a:ext>
                </a:extLst>
              </p:cNvPr>
              <p:cNvSpPr/>
              <p:nvPr/>
            </p:nvSpPr>
            <p:spPr bwMode="auto">
              <a:xfrm rot="5400000" flipV="1">
                <a:off x="9794466" y="2647731"/>
                <a:ext cx="358644" cy="3511371"/>
              </a:xfrm>
              <a:prstGeom prst="leftBrace">
                <a:avLst/>
              </a:prstGeom>
              <a:ln>
                <a:headEnd type="none" w="med" len="med"/>
                <a:tailEnd type="none"/>
              </a:ln>
            </p:spPr>
            <p:style>
              <a:lnRef idx="2">
                <a:schemeClr val="dk1"/>
              </a:lnRef>
              <a:fillRef idx="0">
                <a:schemeClr val="dk1"/>
              </a:fillRef>
              <a:effectRef idx="1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en-SE"/>
              </a:p>
            </p:txBody>
          </p:sp>
          <p:sp>
            <p:nvSpPr>
              <p:cNvPr id="122" name="TextBox 121">
                <a:extLst>
                  <a:ext uri="{FF2B5EF4-FFF2-40B4-BE49-F238E27FC236}">
                    <a16:creationId xmlns:a16="http://schemas.microsoft.com/office/drawing/2014/main" id="{B03A56AF-00F8-38ED-39B9-FBB21DC994C3}"/>
                  </a:ext>
                </a:extLst>
              </p:cNvPr>
              <p:cNvSpPr txBox="1"/>
              <p:nvPr/>
            </p:nvSpPr>
            <p:spPr>
              <a:xfrm>
                <a:off x="5081066" y="3873352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3" name="TextBox 122">
                <a:extLst>
                  <a:ext uri="{FF2B5EF4-FFF2-40B4-BE49-F238E27FC236}">
                    <a16:creationId xmlns:a16="http://schemas.microsoft.com/office/drawing/2014/main" id="{99F69274-7A40-FE8C-19BB-4A0905CEAECE}"/>
                  </a:ext>
                </a:extLst>
              </p:cNvPr>
              <p:cNvSpPr txBox="1"/>
              <p:nvPr/>
            </p:nvSpPr>
            <p:spPr>
              <a:xfrm>
                <a:off x="3951537" y="4144624"/>
                <a:ext cx="914400" cy="394604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20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N TOs</a:t>
                </a:r>
                <a:endParaRPr kumimoji="0" lang="en-SE" sz="20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cxnSp>
            <p:nvCxnSpPr>
              <p:cNvPr id="125" name="Connector: Elbow 124">
                <a:extLst>
                  <a:ext uri="{FF2B5EF4-FFF2-40B4-BE49-F238E27FC236}">
                    <a16:creationId xmlns:a16="http://schemas.microsoft.com/office/drawing/2014/main" id="{716D5339-23C3-F00B-D2E4-07E8BF3C525C}"/>
                  </a:ext>
                </a:extLst>
              </p:cNvPr>
              <p:cNvCxnSpPr>
                <a:stCxn id="157" idx="0"/>
                <a:endCxn id="120" idx="1"/>
              </p:cNvCxnSpPr>
              <p:nvPr/>
            </p:nvCxnSpPr>
            <p:spPr bwMode="auto">
              <a:xfrm rot="5400000" flipH="1" flipV="1">
                <a:off x="2675477" y="2797269"/>
                <a:ext cx="599306" cy="3056021"/>
              </a:xfrm>
              <a:prstGeom prst="bentConnector3">
                <a:avLst>
                  <a:gd name="adj1" fmla="val 187569"/>
                </a:avLst>
              </a:prstGeom>
              <a:ln>
                <a:headEnd type="none" w="med" len="med"/>
                <a:tailEnd type="triangle"/>
              </a:ln>
            </p:spPr>
            <p:style>
              <a:lnRef idx="2">
                <a:schemeClr val="accent6"/>
              </a:lnRef>
              <a:fillRef idx="0">
                <a:schemeClr val="accent6"/>
              </a:fillRef>
              <a:effectRef idx="1">
                <a:schemeClr val="accent6"/>
              </a:effectRef>
              <a:fontRef idx="minor">
                <a:schemeClr val="tx1"/>
              </a:fontRef>
            </p:style>
          </p:cxnSp>
          <p:sp>
            <p:nvSpPr>
              <p:cNvPr id="127" name="TextBox 126">
                <a:extLst>
                  <a:ext uri="{FF2B5EF4-FFF2-40B4-BE49-F238E27FC236}">
                    <a16:creationId xmlns:a16="http://schemas.microsoft.com/office/drawing/2014/main" id="{02BB0189-D806-656D-DF8D-286E3074221B}"/>
                  </a:ext>
                </a:extLst>
              </p:cNvPr>
              <p:cNvSpPr txBox="1"/>
              <p:nvPr/>
            </p:nvSpPr>
            <p:spPr>
              <a:xfrm>
                <a:off x="1625389" y="3694248"/>
                <a:ext cx="1005081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8" name="TextBox 127">
                <a:extLst>
                  <a:ext uri="{FF2B5EF4-FFF2-40B4-BE49-F238E27FC236}">
                    <a16:creationId xmlns:a16="http://schemas.microsoft.com/office/drawing/2014/main" id="{5B4A6CE5-E312-A8CE-BBDC-2C8C13CCB0F7}"/>
                  </a:ext>
                </a:extLst>
              </p:cNvPr>
              <p:cNvSpPr txBox="1"/>
              <p:nvPr/>
            </p:nvSpPr>
            <p:spPr>
              <a:xfrm>
                <a:off x="3173773" y="3220976"/>
                <a:ext cx="973797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  <p:sp>
            <p:nvSpPr>
              <p:cNvPr id="129" name="TextBox 128">
                <a:extLst>
                  <a:ext uri="{FF2B5EF4-FFF2-40B4-BE49-F238E27FC236}">
                    <a16:creationId xmlns:a16="http://schemas.microsoft.com/office/drawing/2014/main" id="{336241C4-5B7D-4B33-7E74-0BDF88D44F80}"/>
                  </a:ext>
                </a:extLst>
              </p:cNvPr>
              <p:cNvSpPr txBox="1"/>
              <p:nvPr/>
            </p:nvSpPr>
            <p:spPr>
              <a:xfrm>
                <a:off x="8030047" y="3604002"/>
                <a:ext cx="914400" cy="324293"/>
              </a:xfrm>
              <a:prstGeom prst="rect">
                <a:avLst/>
              </a:prstGeom>
            </p:spPr>
            <p:txBody>
              <a:bodyPr vert="horz" wrap="non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0" i="0" u="none" strike="noStrike" kern="1000" cap="none" spc="-3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(11111)</a:t>
                </a:r>
                <a:endParaRPr kumimoji="0" lang="en-SE" sz="1600" b="0" i="0" u="none" strike="noStrike" kern="1000" cap="none" spc="-30" normalizeH="0" baseline="0" noProof="0" dirty="0" err="1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p:grpSp>
        <p:cxnSp>
          <p:nvCxnSpPr>
            <p:cNvPr id="176" name="Connector: Elbow 175">
              <a:extLst>
                <a:ext uri="{FF2B5EF4-FFF2-40B4-BE49-F238E27FC236}">
                  <a16:creationId xmlns:a16="http://schemas.microsoft.com/office/drawing/2014/main" id="{6ED45C20-388C-D0B0-B6B7-87B0370DDC0A}"/>
                </a:ext>
              </a:extLst>
            </p:cNvPr>
            <p:cNvCxnSpPr>
              <a:cxnSpLocks/>
              <a:stCxn id="153" idx="0"/>
              <a:endCxn id="119" idx="1"/>
            </p:cNvCxnSpPr>
            <p:nvPr/>
          </p:nvCxnSpPr>
          <p:spPr bwMode="auto">
            <a:xfrm rot="5400000" flipH="1" flipV="1">
              <a:off x="2012655" y="1096909"/>
              <a:ext cx="332658" cy="3129978"/>
            </a:xfrm>
            <a:prstGeom prst="bentConnector3">
              <a:avLst>
                <a:gd name="adj1" fmla="val 191790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  <p:cxnSp>
          <p:nvCxnSpPr>
            <p:cNvPr id="179" name="Connector: Elbow 178">
              <a:extLst>
                <a:ext uri="{FF2B5EF4-FFF2-40B4-BE49-F238E27FC236}">
                  <a16:creationId xmlns:a16="http://schemas.microsoft.com/office/drawing/2014/main" id="{75BD2B4B-9D55-A8D1-9F1C-7C9B0F4A9B3B}"/>
                </a:ext>
              </a:extLst>
            </p:cNvPr>
            <p:cNvCxnSpPr>
              <a:stCxn id="164" idx="0"/>
              <a:endCxn id="121" idx="1"/>
            </p:cNvCxnSpPr>
            <p:nvPr/>
          </p:nvCxnSpPr>
          <p:spPr bwMode="auto">
            <a:xfrm rot="5400000" flipH="1" flipV="1">
              <a:off x="8229078" y="1095845"/>
              <a:ext cx="397121" cy="3060212"/>
            </a:xfrm>
            <a:prstGeom prst="bentConnector3">
              <a:avLst>
                <a:gd name="adj1" fmla="val 179960"/>
              </a:avLst>
            </a:prstGeom>
            <a:ln>
              <a:headEnd type="none" w="med" len="med"/>
              <a:tailEnd type="triangle"/>
            </a:ln>
          </p:spPr>
          <p:style>
            <a:lnRef idx="2">
              <a:schemeClr val="dk1"/>
            </a:lnRef>
            <a:fillRef idx="0">
              <a:schemeClr val="dk1"/>
            </a:fillRef>
            <a:effectRef idx="1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57F02F7C-09E2-B810-0D69-1454E056697A}"/>
              </a:ext>
            </a:extLst>
          </p:cNvPr>
          <p:cNvSpPr txBox="1"/>
          <p:nvPr/>
        </p:nvSpPr>
        <p:spPr>
          <a:xfrm>
            <a:off x="10085352" y="1247004"/>
            <a:ext cx="1816211" cy="67915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FF"/>
                </a:highlight>
                <a:uLnTx/>
                <a:uFillTx/>
                <a:latin typeface="Ericsson Hilda"/>
                <a:ea typeface="+mn-ea"/>
                <a:cs typeface="+mn-cs"/>
              </a:rPr>
              <a:t>Option B-1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708A310-F669-DEF0-1224-BDDD7E44BB11}"/>
              </a:ext>
            </a:extLst>
          </p:cNvPr>
          <p:cNvSpPr txBox="1"/>
          <p:nvPr/>
        </p:nvSpPr>
        <p:spPr>
          <a:xfrm>
            <a:off x="10265298" y="382188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highlight>
                  <a:srgbClr val="00FFFF"/>
                </a:highlight>
                <a:uLnTx/>
                <a:uFillTx/>
                <a:latin typeface="Ericsson Hilda"/>
                <a:ea typeface="+mn-ea"/>
                <a:cs typeface="+mn-cs"/>
              </a:rPr>
              <a:t>Option B-2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=5, Nd=1</a:t>
            </a:r>
            <a:endParaRPr kumimoji="0" lang="en-SE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838443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00FF00"/>
                </a:highlight>
              </a:rPr>
              <a:t>Sliding indicator within a window</a:t>
            </a:r>
            <a:br>
              <a:rPr lang="en-US" dirty="0">
                <a:highlight>
                  <a:srgbClr val="00FF00"/>
                </a:highlight>
              </a:rPr>
            </a:br>
            <a:r>
              <a:rPr lang="en-US" dirty="0">
                <a:highlight>
                  <a:srgbClr val="00FF00"/>
                </a:highlight>
              </a:rPr>
              <a:t>Based on range (#TOs)</a:t>
            </a:r>
            <a:endParaRPr lang="en-SE" dirty="0">
              <a:highlight>
                <a:srgbClr val="00FF00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Option A-1</a:t>
            </a:r>
          </a:p>
          <a:p>
            <a:r>
              <a:rPr lang="en-US" dirty="0"/>
              <a:t>Configure a  number of TOs (N)</a:t>
            </a:r>
          </a:p>
          <a:p>
            <a:endParaRPr lang="en-US" dirty="0"/>
          </a:p>
          <a:p>
            <a:r>
              <a:rPr lang="en-US" dirty="0"/>
              <a:t>For every N [consecutive] CG PUSCH TOs, starting from the first CG PUSCH in the CG configuration:</a:t>
            </a:r>
          </a:p>
          <a:p>
            <a:r>
              <a:rPr lang="en-US" dirty="0"/>
              <a:t>A transmitted CG PUSCH among the N CG PUSCH TOs, carries UTO-UCI that is applicable to the N CG PUSCH TOs.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11EF20-0282-B34B-14FB-0D880C584F84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b="1" dirty="0"/>
              <a:t>Option A-2</a:t>
            </a:r>
          </a:p>
          <a:p>
            <a:r>
              <a:rPr lang="en-US" dirty="0"/>
              <a:t>Configure a  number of TOs (N), and a number of TO offset (Nd).</a:t>
            </a:r>
          </a:p>
          <a:p>
            <a:r>
              <a:rPr lang="en-US" dirty="0"/>
              <a:t>For every N [consecutive] CG PUSCH TOs, starting from the first CG PUSCH in the CG configuration:</a:t>
            </a:r>
          </a:p>
          <a:p>
            <a:r>
              <a:rPr lang="en-US" dirty="0"/>
              <a:t>A transmitted CG PUSCH among the N CG PUSCH TOs, carries UTO-UCI that is applicable to the CG PUSCH TOs starting from Nd TO after the transmitted CG PUSCH and ending with the last TO the N TOs.</a:t>
            </a:r>
          </a:p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280262304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00FF00"/>
                </a:highlight>
              </a:rPr>
              <a:t>Sliding indicator within a window</a:t>
            </a:r>
            <a:br>
              <a:rPr lang="en-US" dirty="0">
                <a:highlight>
                  <a:srgbClr val="00FF00"/>
                </a:highlight>
              </a:rPr>
            </a:br>
            <a:r>
              <a:rPr lang="en-US" dirty="0">
                <a:highlight>
                  <a:srgbClr val="00FF00"/>
                </a:highlight>
              </a:rPr>
              <a:t>Based on time duration</a:t>
            </a:r>
            <a:endParaRPr lang="en-SE" dirty="0">
              <a:highlight>
                <a:srgbClr val="00FF00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Option A-3:</a:t>
            </a:r>
          </a:p>
          <a:p>
            <a:r>
              <a:rPr lang="en-US" dirty="0"/>
              <a:t>Configure a  UTO periodicity with duration of </a:t>
            </a:r>
            <a:r>
              <a:rPr lang="en-US" dirty="0" err="1"/>
              <a:t>UTO_duration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The starting time of the first period of UTO periodicity is the same as starting time of the first period of CG configuration.</a:t>
            </a:r>
          </a:p>
          <a:p>
            <a:r>
              <a:rPr lang="en-US" dirty="0"/>
              <a:t>A transmitted CG PUSCH that is confined within a UTO period, carries UTO-UCI that is applicable to the CG PUSCH TOs within the UTO period.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AF9221-842E-FB69-9A76-15FAF8BE974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Option A-4:</a:t>
            </a:r>
          </a:p>
          <a:p>
            <a:r>
              <a:rPr lang="en-US" dirty="0"/>
              <a:t>Configure a  UTO periodicity with duration of </a:t>
            </a:r>
            <a:r>
              <a:rPr lang="en-US" dirty="0" err="1"/>
              <a:t>UTO_duration</a:t>
            </a:r>
            <a:r>
              <a:rPr lang="en-US" dirty="0"/>
              <a:t>, and a TO offset with duration </a:t>
            </a:r>
            <a:r>
              <a:rPr lang="en-US" dirty="0" err="1"/>
              <a:t>UTO_offset</a:t>
            </a:r>
            <a:r>
              <a:rPr lang="en-US" dirty="0"/>
              <a:t>.</a:t>
            </a:r>
          </a:p>
          <a:p>
            <a:r>
              <a:rPr lang="en-US" dirty="0"/>
              <a:t>The starting time of the first period of UTO periodicity is the same as starting time of the first period of CG configuration.</a:t>
            </a:r>
          </a:p>
          <a:p>
            <a:r>
              <a:rPr lang="en-US" dirty="0"/>
              <a:t>A transmitted CG PUSCH that is confined within a UTO period, carries UTO-UCI that is applicable to the CG PUSCH TOs within the UTO period and after </a:t>
            </a:r>
            <a:r>
              <a:rPr lang="en-US" dirty="0" err="1"/>
              <a:t>UTO_offset</a:t>
            </a:r>
            <a:r>
              <a:rPr lang="en-US" dirty="0"/>
              <a:t> from the end of the transmitted CG PUSCH.</a:t>
            </a:r>
          </a:p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398285239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00FFFF"/>
                </a:highlight>
              </a:rPr>
              <a:t>Indicator to a sliding window</a:t>
            </a:r>
            <a:br>
              <a:rPr lang="en-US" dirty="0">
                <a:highlight>
                  <a:srgbClr val="00FFFF"/>
                </a:highlight>
              </a:rPr>
            </a:br>
            <a:r>
              <a:rPr lang="en-US" dirty="0">
                <a:highlight>
                  <a:srgbClr val="00FFFF"/>
                </a:highlight>
              </a:rPr>
              <a:t>Based on range (#TOs)</a:t>
            </a:r>
            <a:endParaRPr lang="en-SE" dirty="0">
              <a:highlight>
                <a:srgbClr val="00FFFF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Option B-1</a:t>
            </a:r>
          </a:p>
          <a:p>
            <a:r>
              <a:rPr lang="en-US" dirty="0"/>
              <a:t>Configure a  number of TOs  (N)</a:t>
            </a:r>
          </a:p>
          <a:p>
            <a:r>
              <a:rPr lang="en-US" dirty="0"/>
              <a:t>A transmitted CG PUSCH carries UTO-UCI that is applicable to the N [consecutive] CG PUSCH TOs, starting from the next TO.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2CF100B-F329-6DCD-F152-841B217EC15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b="1" dirty="0"/>
              <a:t>Option B-2</a:t>
            </a:r>
          </a:p>
          <a:p>
            <a:r>
              <a:rPr lang="en-US" dirty="0"/>
              <a:t>Configure a  number of TOs (N) and Configure a number of TO offset (Nd).</a:t>
            </a:r>
          </a:p>
          <a:p>
            <a:r>
              <a:rPr lang="en-US" dirty="0"/>
              <a:t>A transmitted CG PUSCH, carries UTO-UCI that is applicable to the N [consecutive] CG PUSCH TOs, starting from Nd TO after the transmitted CG PUSCH.</a:t>
            </a:r>
          </a:p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381075286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F6D4E8-9E6B-80F4-D1CA-9D025DCE2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00FFFF"/>
                </a:highlight>
              </a:rPr>
              <a:t>Indicator to a sliding window</a:t>
            </a:r>
            <a:br>
              <a:rPr lang="en-US" dirty="0">
                <a:highlight>
                  <a:srgbClr val="00FFFF"/>
                </a:highlight>
              </a:rPr>
            </a:br>
            <a:r>
              <a:rPr lang="en-US" dirty="0">
                <a:highlight>
                  <a:srgbClr val="00FFFF"/>
                </a:highlight>
              </a:rPr>
              <a:t>Based on time duration</a:t>
            </a:r>
            <a:endParaRPr lang="en-SE" dirty="0">
              <a:highlight>
                <a:srgbClr val="00FFFF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1DC25-58F5-3663-EE34-A3E4A76912E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Option B-3</a:t>
            </a:r>
          </a:p>
          <a:p>
            <a:r>
              <a:rPr lang="en-US" dirty="0"/>
              <a:t>Configure a  UTO periodicity with duration of </a:t>
            </a:r>
            <a:r>
              <a:rPr lang="en-US" dirty="0" err="1"/>
              <a:t>UTO_duration</a:t>
            </a:r>
            <a:endParaRPr lang="en-US" dirty="0"/>
          </a:p>
          <a:p>
            <a:endParaRPr lang="en-US" dirty="0"/>
          </a:p>
          <a:p>
            <a:r>
              <a:rPr lang="en-US" dirty="0"/>
              <a:t>A transmitted CG PUSCH carries UTO-UCI that is applicable to the CG PUSCH TOs that are confined within </a:t>
            </a:r>
            <a:r>
              <a:rPr lang="en-US" dirty="0" err="1"/>
              <a:t>UTO_duration</a:t>
            </a:r>
            <a:r>
              <a:rPr lang="en-US" dirty="0"/>
              <a:t> starting from </a:t>
            </a:r>
            <a:r>
              <a:rPr lang="en-US" dirty="0" err="1"/>
              <a:t>strat</a:t>
            </a:r>
            <a:r>
              <a:rPr lang="en-US" dirty="0"/>
              <a:t> of the next CG PUSCH TO.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00098C1-07E1-BEE6-EB45-66B0D04312D1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b="1" dirty="0"/>
              <a:t>Option B-4</a:t>
            </a:r>
          </a:p>
          <a:p>
            <a:r>
              <a:rPr lang="en-US" dirty="0"/>
              <a:t>Configure a  UTO periodicity with duration of </a:t>
            </a:r>
            <a:r>
              <a:rPr lang="en-US" dirty="0" err="1"/>
              <a:t>UTO_duration</a:t>
            </a:r>
            <a:r>
              <a:rPr lang="en-US" dirty="0"/>
              <a:t>, and a TO offset with duration </a:t>
            </a:r>
            <a:r>
              <a:rPr lang="en-US" dirty="0" err="1"/>
              <a:t>UTO_offset</a:t>
            </a:r>
            <a:r>
              <a:rPr lang="en-US" dirty="0"/>
              <a:t>.</a:t>
            </a:r>
          </a:p>
          <a:p>
            <a:r>
              <a:rPr lang="en-US" dirty="0"/>
              <a:t>A transmitted CG PUSCH carries UTO-UCI that is applicable to the CG PUSCH TOs that are confined within </a:t>
            </a:r>
            <a:r>
              <a:rPr lang="en-US" dirty="0" err="1"/>
              <a:t>UTO_duration</a:t>
            </a:r>
            <a:r>
              <a:rPr lang="en-US" dirty="0"/>
              <a:t> starting from </a:t>
            </a:r>
            <a:r>
              <a:rPr lang="en-US" dirty="0" err="1"/>
              <a:t>UTO_offset</a:t>
            </a:r>
            <a:r>
              <a:rPr lang="en-US" dirty="0"/>
              <a:t> from the end of the transmitted CG PUSCH. </a:t>
            </a:r>
          </a:p>
          <a:p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164259141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8C6A6D-AAC3-4C3C-C173-92C12060EE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UTO-UCI information</a:t>
            </a:r>
            <a:endParaRPr lang="en-SE" dirty="0">
              <a:highlight>
                <a:srgbClr val="FFFF00"/>
              </a:highlight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79957F-A1D1-CB1D-A3B0-27D3CF58CB33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A bit-map is determined from UTO-UCI .</a:t>
            </a:r>
          </a:p>
          <a:p>
            <a:pPr lvl="1"/>
            <a:r>
              <a:rPr lang="en-US" dirty="0"/>
              <a:t>Alt-1) The UTO-UCI includes a bit-map</a:t>
            </a:r>
          </a:p>
          <a:p>
            <a:pPr lvl="2"/>
            <a:r>
              <a:rPr lang="en-US" dirty="0"/>
              <a:t>Alt-1A)The bit-map includes N bits</a:t>
            </a:r>
          </a:p>
          <a:p>
            <a:pPr lvl="2"/>
            <a:r>
              <a:rPr lang="en-US" dirty="0"/>
              <a:t>Alt-1B)The bit-map includes maximum N bits</a:t>
            </a:r>
          </a:p>
          <a:p>
            <a:pPr lvl="1"/>
            <a:r>
              <a:rPr lang="en-US" dirty="0"/>
              <a:t>Alt-2) The UTO-UCI includes an index to an RRC configured bit-map table with M rows.</a:t>
            </a:r>
          </a:p>
          <a:p>
            <a:pPr lvl="2"/>
            <a:r>
              <a:rPr lang="en-US" dirty="0"/>
              <a:t>Alt-2A) Each row includes a bit-map of N bits</a:t>
            </a:r>
          </a:p>
          <a:p>
            <a:pPr lvl="2"/>
            <a:r>
              <a:rPr lang="en-US" dirty="0"/>
              <a:t>Alt-2B) Each row includes a bit-map of maximum N bits</a:t>
            </a:r>
          </a:p>
          <a:p>
            <a:pPr lvl="2"/>
            <a:r>
              <a:rPr lang="en-US" dirty="0"/>
              <a:t>Note: A bit in the bit-map with value “1” implies that the corresponding CG PUSCH TO is indicated as “unused”. A bit in the bit-map with value “0” implies that the corresponding CG PUSCH TO is indicated as “ NOT unused”. </a:t>
            </a:r>
          </a:p>
          <a:p>
            <a:pPr lvl="2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 The UTO-UCI is the bit-map</a:t>
            </a:r>
          </a:p>
          <a:p>
            <a:pPr lvl="1"/>
            <a:r>
              <a:rPr lang="en-US" dirty="0"/>
              <a:t>UTO-UCI size can be fixed or varied (depending on (1) or (2) )</a:t>
            </a:r>
          </a:p>
          <a:p>
            <a:r>
              <a:rPr lang="en-US" dirty="0"/>
              <a:t>The UTO-UCI is an index to a table configured with each row as a bit-map.</a:t>
            </a:r>
          </a:p>
          <a:p>
            <a:pPr lvl="1"/>
            <a:r>
              <a:rPr lang="en-US" dirty="0"/>
              <a:t>UTO-UCI size if fixed and determined by </a:t>
            </a:r>
            <a:r>
              <a:rPr lang="en-US" dirty="0" err="1"/>
              <a:t>configuraiton</a:t>
            </a:r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143630795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A9CCB83C-77B7-4870-97FE-9BD966B0C31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26705899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754856ed-ef08-4aca-8b07-77e5449fe378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46BACD59B325644B4AE097A8D8ABAB5" ma:contentTypeVersion="15" ma:contentTypeDescription="Create a new document." ma:contentTypeScope="" ma:versionID="e483ab91ede07fafcf18c43fd7321fee">
  <xsd:schema xmlns:xsd="http://www.w3.org/2001/XMLSchema" xmlns:xs="http://www.w3.org/2001/XMLSchema" xmlns:p="http://schemas.microsoft.com/office/2006/metadata/properties" xmlns:ns3="5d78b316-a065-443b-8183-6b4b45bce8c3" xmlns:ns4="ec1c091e-e716-4ca9-b12a-cd56e372a563" targetNamespace="http://schemas.microsoft.com/office/2006/metadata/properties" ma:root="true" ma:fieldsID="14afc9d137cd4eed36f7f9079e400f1c" ns3:_="" ns4:_="">
    <xsd:import namespace="5d78b316-a065-443b-8183-6b4b45bce8c3"/>
    <xsd:import namespace="ec1c091e-e716-4ca9-b12a-cd56e372a563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Locatio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78b316-a065-443b-8183-6b4b45bce8c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c1c091e-e716-4ca9-b12a-cd56e372a56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7" nillable="true" ma:displayName="MediaServiceLocation" ma:description="" ma:internalName="MediaServiceLocation" ma:readOnly="true">
      <xsd:simpleType>
        <xsd:restriction base="dms:Text"/>
      </xsd:simpleType>
    </xsd:element>
    <xsd:element name="MediaServiceOCR" ma:index="18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If the document type differs from the default value, click on the X to delete and type/choose another type."},"spacing":{},"dataSource":"PowerPoint Document Type","defaultValue":"Meeting Presentation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43CIAyRKtrKh2rsmnCqvvi6twfmVsIUAVO23zuRk4x4="},{"name":"ConfidentialityClass","value":"5wlu7ZdPxHQj1W0w+yTNSg=="},{"name":"DocTypePresentation","value":"FRG4kM23Wp0hme5dW2a1kR9jd3Yy1ZTrfh/gt2gkoNw="},{"name":"LanguageCode","value":"5wlu7ZdPxHQj1W0w+yTNSg=="},{"name":"Date","value":"3ZaLGwdKl4vk0IAAUXZ1YQ=="},{"name":"TemplateType","value":"5wlu7ZdPxHQj1W0w+yTNSg=="},{"name":"DocTitle","value":"5wlu7ZdPxHQj1W0w+yTNSg=="},{"name":"TotalPageNo","value":"5wlu7ZdPxHQj1W0w+yTNSg=="},{"name":"Prepared","value":"IL6DNhHWoHFh9tZ2rU+TP7S33U1m18MdHrCAU4aCvUM="}]}]]></TemplafyFormConfiguration>
</file>

<file path=customXml/itemProps1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56F2EE69-0CCA-4F48-BE22-EC4A886C57A7}">
  <ds:schemaRefs>
    <ds:schemaRef ds:uri="ec1c091e-e716-4ca9-b12a-cd56e372a563"/>
    <ds:schemaRef ds:uri="http://purl.org/dc/terms/"/>
    <ds:schemaRef ds:uri="http://schemas.microsoft.com/office/infopath/2007/PartnerControls"/>
    <ds:schemaRef ds:uri="5d78b316-a065-443b-8183-6b4b45bce8c3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F5AF0E74-43CB-4F77-859B-030D1D46EF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d78b316-a065-443b-8183-6b4b45bce8c3"/>
    <ds:schemaRef ds:uri="ec1c091e-e716-4ca9-b12a-cd56e372a56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9AEDDE3-EA02-4A8F-B8F8-0606A0AA45FC}">
  <ds:schemaRefs/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1891</TotalTime>
  <Words>1204</Words>
  <Application>Microsoft Office PowerPoint</Application>
  <PresentationFormat>Widescreen</PresentationFormat>
  <Paragraphs>307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8" baseType="lpstr">
      <vt:lpstr>Ericsson Hilda</vt:lpstr>
      <vt:lpstr>Ericsson Technical Icons</vt:lpstr>
      <vt:lpstr>Ericsson Hilda Light</vt:lpstr>
      <vt:lpstr>PresentationTemplate2017</vt:lpstr>
      <vt:lpstr>Discussion slides for UTO-UCI content</vt:lpstr>
      <vt:lpstr>Option A</vt:lpstr>
      <vt:lpstr>Option B</vt:lpstr>
      <vt:lpstr>Sliding indicator within a window Based on range (#TOs)</vt:lpstr>
      <vt:lpstr>Sliding indicator within a window Based on time duration</vt:lpstr>
      <vt:lpstr>Indicator to a sliding window Based on range (#TOs)</vt:lpstr>
      <vt:lpstr>Indicator to a sliding window Based on time duration</vt:lpstr>
      <vt:lpstr>UTO-UCI inform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XR Rel-18 - CG enhancements</dc:title>
  <dc:creator>ESORFAL Sorour Falahati</dc:creator>
  <cp:keywords/>
  <dc:description>Rev</dc:description>
  <cp:lastModifiedBy>Sorour Falahati</cp:lastModifiedBy>
  <cp:revision>132</cp:revision>
  <dcterms:created xsi:type="dcterms:W3CDTF">2019-04-23T15:12:54Z</dcterms:created>
  <dcterms:modified xsi:type="dcterms:W3CDTF">2023-05-23T18:13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F46BACD59B325644B4AE097A8D8ABAB5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16T06:17:44.2298810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489933015273519</vt:lpwstr>
  </property>
  <property fmtid="{D5CDD505-2E9C-101B-9397-08002B2CF9AE}" pid="11" name="TemplafyUserProfileId">
    <vt:lpwstr>63710668681617901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SORFAL Sorour Falahati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2-20</vt:lpwstr>
  </property>
  <property fmtid="{D5CDD505-2E9C-101B-9397-08002B2CF9AE}" pid="21" name="Reference">
    <vt:lpwstr/>
  </property>
  <property fmtid="{D5CDD505-2E9C-101B-9397-08002B2CF9AE}" pid="22" name="Title">
    <vt:lpwstr>XR Rel-18 - CG enhancements 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Meeting 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